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☆大分類2税\00_最新要綱・様式\03_2（家屋）各種特例申告書\"/>
    </mc:Choice>
  </mc:AlternateContent>
  <bookViews>
    <workbookView xWindow="660" yWindow="-36" windowWidth="11712" windowHeight="7992"/>
  </bookViews>
  <sheets>
    <sheet name="様式" sheetId="2" r:id="rId1"/>
  </sheets>
  <definedNames>
    <definedName name="_xlnm.Print_Area" localSheetId="0">様式!$A$1:$AA$101</definedName>
  </definedNames>
  <calcPr calcId="101716"/>
</workbook>
</file>

<file path=xl/sharedStrings.xml><?xml version="1.0" encoding="utf-8"?>
<sst xmlns="http://schemas.openxmlformats.org/spreadsheetml/2006/main" count="144" uniqueCount="54">
  <si>
    <t>所在地</t>
    <rPh sb="0" eb="3">
      <t>ショザイチ</t>
    </rPh>
    <phoneticPr fontId="2"/>
  </si>
  <si>
    <t>添付書類</t>
    <rPh sb="0" eb="2">
      <t>テンプ</t>
    </rPh>
    <rPh sb="2" eb="4">
      <t>ショルイ</t>
    </rPh>
    <phoneticPr fontId="2"/>
  </si>
  <si>
    <t>新</t>
    <rPh sb="0" eb="1">
      <t>シン</t>
    </rPh>
    <phoneticPr fontId="2"/>
  </si>
  <si>
    <t>旧</t>
    <rPh sb="0" eb="1">
      <t>キュウ</t>
    </rPh>
    <phoneticPr fontId="2"/>
  </si>
  <si>
    <t>字</t>
    <rPh sb="0" eb="1">
      <t>アザ</t>
    </rPh>
    <phoneticPr fontId="2"/>
  </si>
  <si>
    <t>床面積</t>
    <rPh sb="0" eb="3">
      <t>ユカメンセキ</t>
    </rPh>
    <phoneticPr fontId="2"/>
  </si>
  <si>
    <t>備 考</t>
    <rPh sb="0" eb="1">
      <t>ソナエ</t>
    </rPh>
    <rPh sb="2" eb="3">
      <t>コウ</t>
    </rPh>
    <phoneticPr fontId="2"/>
  </si>
  <si>
    <t>届出人</t>
    <rPh sb="0" eb="2">
      <t>トドケデ</t>
    </rPh>
    <rPh sb="2" eb="3">
      <t>ニン</t>
    </rPh>
    <phoneticPr fontId="2"/>
  </si>
  <si>
    <t>造</t>
    <rPh sb="0" eb="1">
      <t>ツク</t>
    </rPh>
    <phoneticPr fontId="2"/>
  </si>
  <si>
    <t>葺</t>
    <rPh sb="0" eb="1">
      <t>フ</t>
    </rPh>
    <phoneticPr fontId="2"/>
  </si>
  <si>
    <t>建</t>
    <rPh sb="0" eb="1">
      <t>タ</t>
    </rPh>
    <phoneticPr fontId="2"/>
  </si>
  <si>
    <t>変更年月日</t>
    <rPh sb="0" eb="2">
      <t>ヘンコウ</t>
    </rPh>
    <rPh sb="2" eb="5">
      <t>ネンガッピ</t>
    </rPh>
    <phoneticPr fontId="2"/>
  </si>
  <si>
    <t>事由</t>
    <rPh sb="0" eb="2">
      <t>ジユウ</t>
    </rPh>
    <phoneticPr fontId="2"/>
  </si>
  <si>
    <t>住所</t>
    <rPh sb="0" eb="2">
      <t>ジュウショ</t>
    </rPh>
    <phoneticPr fontId="2"/>
  </si>
  <si>
    <t>氏名</t>
    <rPh sb="0" eb="2">
      <t>シメイ</t>
    </rPh>
    <phoneticPr fontId="2"/>
  </si>
  <si>
    <t>相続</t>
    <rPh sb="0" eb="2">
      <t>ソウゾク</t>
    </rPh>
    <phoneticPr fontId="2"/>
  </si>
  <si>
    <t>売買・贈与等</t>
    <rPh sb="0" eb="2">
      <t>バイバイ</t>
    </rPh>
    <phoneticPr fontId="2"/>
  </si>
  <si>
    <t>名義人</t>
    <rPh sb="0" eb="2">
      <t>メイギ</t>
    </rPh>
    <rPh sb="2" eb="3">
      <t>ニン</t>
    </rPh>
    <phoneticPr fontId="2"/>
  </si>
  <si>
    <t>　　　　　年　　　　　月　　　　　日</t>
    <rPh sb="5" eb="6">
      <t>ネン</t>
    </rPh>
    <rPh sb="11" eb="12">
      <t>ツキ</t>
    </rPh>
    <rPh sb="17" eb="18">
      <t>ヒ</t>
    </rPh>
    <phoneticPr fontId="2"/>
  </si>
  <si>
    <t>大　　　字</t>
    <rPh sb="0" eb="1">
      <t>ダイ</t>
    </rPh>
    <rPh sb="4" eb="5">
      <t>ジ</t>
    </rPh>
    <phoneticPr fontId="2"/>
  </si>
  <si>
    <t>地　　　番</t>
    <rPh sb="0" eb="1">
      <t>チ</t>
    </rPh>
    <rPh sb="4" eb="5">
      <t>バン</t>
    </rPh>
    <phoneticPr fontId="2"/>
  </si>
  <si>
    <t>種 類</t>
    <rPh sb="0" eb="1">
      <t>タネ</t>
    </rPh>
    <rPh sb="2" eb="3">
      <t>タグイ</t>
    </rPh>
    <phoneticPr fontId="2"/>
  </si>
  <si>
    <t>構 造</t>
    <rPh sb="0" eb="1">
      <t>カマエ</t>
    </rPh>
    <rPh sb="2" eb="3">
      <t>ヅクリ</t>
    </rPh>
    <phoneticPr fontId="2"/>
  </si>
  <si>
    <t>関係台帳処理年月日</t>
    <rPh sb="0" eb="2">
      <t>カンケイ</t>
    </rPh>
    <rPh sb="2" eb="4">
      <t>ダイチョウ</t>
    </rPh>
    <rPh sb="4" eb="6">
      <t>ショリ</t>
    </rPh>
    <rPh sb="6" eb="9">
      <t>ネンガッピ</t>
    </rPh>
    <phoneticPr fontId="2"/>
  </si>
  <si>
    <t>受　付</t>
    <rPh sb="0" eb="1">
      <t>ウケ</t>
    </rPh>
    <rPh sb="2" eb="3">
      <t>ヅケ</t>
    </rPh>
    <phoneticPr fontId="2"/>
  </si>
  <si>
    <t>入　力</t>
    <rPh sb="0" eb="1">
      <t>イリ</t>
    </rPh>
    <rPh sb="2" eb="3">
      <t>チカラ</t>
    </rPh>
    <phoneticPr fontId="2"/>
  </si>
  <si>
    <t>㎡</t>
    <phoneticPr fontId="2"/>
  </si>
  <si>
    <t>　</t>
    <phoneticPr fontId="2"/>
  </si>
  <si>
    <t>住所又は所在地</t>
    <rPh sb="0" eb="1">
      <t>ジュウ</t>
    </rPh>
    <rPh sb="1" eb="2">
      <t>ショ</t>
    </rPh>
    <rPh sb="2" eb="3">
      <t>マタ</t>
    </rPh>
    <rPh sb="4" eb="7">
      <t>ショザイチ</t>
    </rPh>
    <phoneticPr fontId="2"/>
  </si>
  <si>
    <t>連　　絡　　先</t>
    <rPh sb="0" eb="1">
      <t>レン</t>
    </rPh>
    <rPh sb="3" eb="4">
      <t>ラク</t>
    </rPh>
    <rPh sb="6" eb="7">
      <t>サキ</t>
    </rPh>
    <phoneticPr fontId="2"/>
  </si>
  <si>
    <t>　　　　　（　　　　　　　）</t>
    <phoneticPr fontId="2"/>
  </si>
  <si>
    <t>（連絡先　　　　－　　　　－　　　　　）</t>
    <rPh sb="1" eb="4">
      <t>レンラクサキ</t>
    </rPh>
    <phoneticPr fontId="2"/>
  </si>
  <si>
    <t>又は</t>
    <rPh sb="0" eb="1">
      <t>マタ</t>
    </rPh>
    <phoneticPr fontId="2"/>
  </si>
  <si>
    <t>名称</t>
    <rPh sb="0" eb="2">
      <t>メイショウ</t>
    </rPh>
    <phoneticPr fontId="2"/>
  </si>
  <si>
    <t>氏名又は名称　　及び代表者氏名</t>
    <rPh sb="0" eb="1">
      <t>シ</t>
    </rPh>
    <rPh sb="1" eb="2">
      <t>メイ</t>
    </rPh>
    <rPh sb="2" eb="3">
      <t>マタ</t>
    </rPh>
    <rPh sb="4" eb="6">
      <t>メイショウ</t>
    </rPh>
    <rPh sb="8" eb="9">
      <t>オヨ</t>
    </rPh>
    <rPh sb="10" eb="13">
      <t>ダイヒョウシャ</t>
    </rPh>
    <rPh sb="13" eb="15">
      <t>シメイ</t>
    </rPh>
    <phoneticPr fontId="2"/>
  </si>
  <si>
    <t>家屋の表示</t>
    <rPh sb="0" eb="2">
      <t>カオク</t>
    </rPh>
    <rPh sb="3" eb="5">
      <t>ヒョウジ</t>
    </rPh>
    <phoneticPr fontId="2"/>
  </si>
  <si>
    <t xml:space="preserve"> </t>
    <phoneticPr fontId="2"/>
  </si>
  <si>
    <t>※　家屋管理番号</t>
    <rPh sb="2" eb="4">
      <t>カオク</t>
    </rPh>
    <rPh sb="4" eb="6">
      <t>カンリ</t>
    </rPh>
    <rPh sb="6" eb="8">
      <t>バンゴウ</t>
    </rPh>
    <phoneticPr fontId="2"/>
  </si>
  <si>
    <t>※　通知書番号</t>
    <rPh sb="2" eb="5">
      <t>ツウチショ</t>
    </rPh>
    <rPh sb="5" eb="7">
      <t>バンゴウ</t>
    </rPh>
    <phoneticPr fontId="2"/>
  </si>
  <si>
    <t>※　 家屋管理番号</t>
    <rPh sb="3" eb="5">
      <t>カオク</t>
    </rPh>
    <rPh sb="5" eb="7">
      <t>カンリ</t>
    </rPh>
    <rPh sb="7" eb="9">
      <t>バンゴウ</t>
    </rPh>
    <phoneticPr fontId="2"/>
  </si>
  <si>
    <t>※ 　家屋管理番号</t>
    <rPh sb="3" eb="5">
      <t>カオク</t>
    </rPh>
    <rPh sb="5" eb="7">
      <t>カンリ</t>
    </rPh>
    <rPh sb="7" eb="9">
      <t>バンゴウ</t>
    </rPh>
    <phoneticPr fontId="2"/>
  </si>
  <si>
    <t>ﾌﾘｶﾞﾅ</t>
    <phoneticPr fontId="2"/>
  </si>
  <si>
    <t>(宛先) 富山市長</t>
    <rPh sb="1" eb="2">
      <t>アテ</t>
    </rPh>
    <rPh sb="2" eb="3">
      <t>サキ</t>
    </rPh>
    <rPh sb="5" eb="7">
      <t>トヤマ</t>
    </rPh>
    <rPh sb="7" eb="9">
      <t>シチョウ</t>
    </rPh>
    <phoneticPr fontId="2"/>
  </si>
  <si>
    <t>（ア）旧名義人の除籍謄本</t>
    <rPh sb="3" eb="4">
      <t>キュウ</t>
    </rPh>
    <rPh sb="4" eb="6">
      <t>メイギ</t>
    </rPh>
    <rPh sb="6" eb="7">
      <t>ニン</t>
    </rPh>
    <rPh sb="8" eb="10">
      <t>ジョセキ</t>
    </rPh>
    <rPh sb="10" eb="12">
      <t>トウホン</t>
    </rPh>
    <phoneticPr fontId="2"/>
  </si>
  <si>
    <t>（イ）新名義人の戸籍謄本</t>
    <rPh sb="3" eb="4">
      <t>シン</t>
    </rPh>
    <rPh sb="4" eb="6">
      <t>メイギ</t>
    </rPh>
    <rPh sb="6" eb="7">
      <t>ニン</t>
    </rPh>
    <rPh sb="8" eb="10">
      <t>コセキ</t>
    </rPh>
    <rPh sb="10" eb="12">
      <t>トウホン</t>
    </rPh>
    <phoneticPr fontId="2"/>
  </si>
  <si>
    <t>（ウ）新名義人の住民票又は印鑑証明書</t>
    <rPh sb="3" eb="4">
      <t>シン</t>
    </rPh>
    <rPh sb="4" eb="6">
      <t>メイギ</t>
    </rPh>
    <rPh sb="6" eb="7">
      <t>ニン</t>
    </rPh>
    <rPh sb="8" eb="11">
      <t>ジュウミンヒョウ</t>
    </rPh>
    <rPh sb="11" eb="12">
      <t>マタ</t>
    </rPh>
    <rPh sb="13" eb="15">
      <t>インカン</t>
    </rPh>
    <rPh sb="15" eb="17">
      <t>ショウメイ</t>
    </rPh>
    <rPh sb="17" eb="18">
      <t>ショ</t>
    </rPh>
    <phoneticPr fontId="2"/>
  </si>
  <si>
    <t>（エ）旧名義人の印鑑証明書</t>
    <rPh sb="3" eb="4">
      <t>キュウ</t>
    </rPh>
    <rPh sb="4" eb="6">
      <t>メイギ</t>
    </rPh>
    <rPh sb="6" eb="7">
      <t>ニン</t>
    </rPh>
    <rPh sb="8" eb="10">
      <t>インカン</t>
    </rPh>
    <rPh sb="10" eb="13">
      <t>ショウメイショ</t>
    </rPh>
    <phoneticPr fontId="2"/>
  </si>
  <si>
    <r>
      <t>（オ）新名義人の住民票</t>
    </r>
    <r>
      <rPr>
        <sz val="8"/>
        <rFont val="ＭＳ Ｐゴシック"/>
        <family val="3"/>
        <charset val="128"/>
      </rPr>
      <t>（法人の場合は登記事項証明書）</t>
    </r>
    <r>
      <rPr>
        <sz val="10"/>
        <rFont val="ＭＳ Ｐゴシック"/>
        <family val="3"/>
        <charset val="128"/>
      </rPr>
      <t>又は印鑑証明書</t>
    </r>
    <rPh sb="3" eb="4">
      <t>シン</t>
    </rPh>
    <rPh sb="4" eb="6">
      <t>メイギ</t>
    </rPh>
    <rPh sb="6" eb="7">
      <t>ニン</t>
    </rPh>
    <rPh sb="8" eb="11">
      <t>ジュウミンヒョウ</t>
    </rPh>
    <rPh sb="12" eb="14">
      <t>ホウジン</t>
    </rPh>
    <rPh sb="15" eb="17">
      <t>バアイ</t>
    </rPh>
    <rPh sb="18" eb="20">
      <t>トウキ</t>
    </rPh>
    <rPh sb="20" eb="22">
      <t>ジコウ</t>
    </rPh>
    <rPh sb="22" eb="25">
      <t>ショウメイショ</t>
    </rPh>
    <rPh sb="26" eb="27">
      <t>マタ</t>
    </rPh>
    <rPh sb="28" eb="30">
      <t>インカン</t>
    </rPh>
    <rPh sb="30" eb="33">
      <t>ショウメイショ</t>
    </rPh>
    <phoneticPr fontId="2"/>
  </si>
  <si>
    <t>（カ）売買、贈与、その他所有権移転を証する書類の写し</t>
    <rPh sb="3" eb="5">
      <t>バイバイ</t>
    </rPh>
    <rPh sb="6" eb="8">
      <t>ゾウヨ</t>
    </rPh>
    <rPh sb="11" eb="12">
      <t>ホカ</t>
    </rPh>
    <rPh sb="12" eb="15">
      <t>ショユウケン</t>
    </rPh>
    <rPh sb="15" eb="17">
      <t>イテン</t>
    </rPh>
    <rPh sb="18" eb="19">
      <t>ショウ</t>
    </rPh>
    <rPh sb="21" eb="23">
      <t>ショルイ</t>
    </rPh>
    <rPh sb="24" eb="25">
      <t>ウツ</t>
    </rPh>
    <phoneticPr fontId="2"/>
  </si>
  <si>
    <t>令和　　　　年　　　　月　　　　日　</t>
    <rPh sb="0" eb="2">
      <t>レイワ</t>
    </rPh>
    <rPh sb="6" eb="7">
      <t>ネン</t>
    </rPh>
    <rPh sb="11" eb="12">
      <t>ガツ</t>
    </rPh>
    <rPh sb="16" eb="17">
      <t>ヒ</t>
    </rPh>
    <phoneticPr fontId="2"/>
  </si>
  <si>
    <t xml:space="preserve"> </t>
    <phoneticPr fontId="2"/>
  </si>
  <si>
    <t>㎡</t>
    <phoneticPr fontId="2"/>
  </si>
  <si>
    <t>㎡</t>
    <phoneticPr fontId="2"/>
  </si>
  <si>
    <t>㎡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.5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18"/>
      <name val="ＭＳ Ｐ明朝"/>
      <family val="1"/>
      <charset val="128"/>
    </font>
    <font>
      <sz val="8"/>
      <name val="ＭＳ Ｐゴシック"/>
      <family val="3"/>
      <charset val="128"/>
    </font>
    <font>
      <b/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97">
    <xf numFmtId="0" fontId="0" fillId="0" borderId="0" xfId="0">
      <alignment vertical="center"/>
    </xf>
    <xf numFmtId="0" fontId="1" fillId="0" borderId="1" xfId="0" applyFont="1" applyBorder="1">
      <alignment vertical="center"/>
    </xf>
    <xf numFmtId="0" fontId="1" fillId="0" borderId="2" xfId="0" applyFont="1" applyBorder="1">
      <alignment vertical="center"/>
    </xf>
    <xf numFmtId="0" fontId="1" fillId="0" borderId="3" xfId="0" applyFont="1" applyBorder="1">
      <alignment vertical="center"/>
    </xf>
    <xf numFmtId="0" fontId="1" fillId="0" borderId="0" xfId="0" applyFont="1">
      <alignment vertical="center"/>
    </xf>
    <xf numFmtId="0" fontId="3" fillId="0" borderId="0" xfId="0" applyFont="1">
      <alignment vertical="center"/>
    </xf>
    <xf numFmtId="0" fontId="3" fillId="0" borderId="4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6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9" xfId="0" applyFont="1" applyBorder="1">
      <alignment vertical="center"/>
    </xf>
    <xf numFmtId="0" fontId="3" fillId="0" borderId="10" xfId="0" applyFont="1" applyBorder="1">
      <alignment vertical="center"/>
    </xf>
    <xf numFmtId="0" fontId="4" fillId="0" borderId="6" xfId="0" applyFont="1" applyBorder="1">
      <alignment vertical="center"/>
    </xf>
    <xf numFmtId="0" fontId="4" fillId="0" borderId="8" xfId="0" applyFont="1" applyBorder="1">
      <alignment vertical="center"/>
    </xf>
    <xf numFmtId="0" fontId="4" fillId="0" borderId="9" xfId="0" applyFont="1" applyBorder="1">
      <alignment vertical="center"/>
    </xf>
    <xf numFmtId="0" fontId="4" fillId="0" borderId="0" xfId="0" applyFo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5" fillId="0" borderId="11" xfId="0" applyFont="1" applyBorder="1" applyAlignment="1">
      <alignment horizontal="left" vertical="center"/>
    </xf>
    <xf numFmtId="0" fontId="6" fillId="0" borderId="0" xfId="0" applyFont="1" applyBorder="1">
      <alignment vertical="center"/>
    </xf>
    <xf numFmtId="0" fontId="6" fillId="0" borderId="5" xfId="0" applyFont="1" applyBorder="1">
      <alignment vertical="center"/>
    </xf>
    <xf numFmtId="0" fontId="6" fillId="0" borderId="0" xfId="0" applyFont="1">
      <alignment vertical="center"/>
    </xf>
    <xf numFmtId="0" fontId="4" fillId="0" borderId="12" xfId="0" applyFont="1" applyBorder="1" applyAlignment="1">
      <alignment vertical="center"/>
    </xf>
    <xf numFmtId="0" fontId="4" fillId="0" borderId="5" xfId="0" applyFont="1" applyBorder="1">
      <alignment vertical="center"/>
    </xf>
    <xf numFmtId="0" fontId="4" fillId="0" borderId="6" xfId="0" applyFont="1" applyBorder="1" applyAlignment="1">
      <alignment horizontal="center" vertical="center"/>
    </xf>
    <xf numFmtId="0" fontId="4" fillId="0" borderId="13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6" xfId="0" applyFont="1" applyBorder="1" applyAlignment="1">
      <alignment vertical="center" shrinkToFit="1"/>
    </xf>
    <xf numFmtId="49" fontId="4" fillId="0" borderId="6" xfId="0" applyNumberFormat="1" applyFont="1" applyBorder="1">
      <alignment vertical="center"/>
    </xf>
    <xf numFmtId="0" fontId="4" fillId="0" borderId="7" xfId="0" applyFont="1" applyBorder="1">
      <alignment vertical="center"/>
    </xf>
    <xf numFmtId="0" fontId="5" fillId="0" borderId="0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8" xfId="0" applyFont="1" applyBorder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5" fillId="0" borderId="6" xfId="0" applyFont="1" applyBorder="1">
      <alignment vertical="center"/>
    </xf>
    <xf numFmtId="0" fontId="5" fillId="0" borderId="14" xfId="0" applyFont="1" applyBorder="1">
      <alignment vertical="center"/>
    </xf>
    <xf numFmtId="0" fontId="6" fillId="0" borderId="14" xfId="0" applyFont="1" applyBorder="1">
      <alignment vertical="center"/>
    </xf>
    <xf numFmtId="0" fontId="6" fillId="0" borderId="15" xfId="0" applyFont="1" applyBorder="1">
      <alignment vertical="center"/>
    </xf>
    <xf numFmtId="0" fontId="6" fillId="0" borderId="2" xfId="0" applyFont="1" applyBorder="1">
      <alignment vertical="center"/>
    </xf>
    <xf numFmtId="0" fontId="6" fillId="0" borderId="11" xfId="0" applyFont="1" applyBorder="1">
      <alignment vertical="center"/>
    </xf>
    <xf numFmtId="0" fontId="6" fillId="0" borderId="16" xfId="0" applyFont="1" applyBorder="1">
      <alignment vertical="center"/>
    </xf>
    <xf numFmtId="0" fontId="6" fillId="0" borderId="13" xfId="0" applyFont="1" applyBorder="1">
      <alignment vertical="center"/>
    </xf>
    <xf numFmtId="0" fontId="3" fillId="0" borderId="0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5" xfId="0" applyFont="1" applyBorder="1" applyAlignment="1">
      <alignment horizontal="right" vertical="center"/>
    </xf>
    <xf numFmtId="0" fontId="3" fillId="0" borderId="1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>
      <alignment vertical="center"/>
    </xf>
    <xf numFmtId="0" fontId="3" fillId="0" borderId="17" xfId="0" applyFont="1" applyBorder="1">
      <alignment vertical="center"/>
    </xf>
    <xf numFmtId="0" fontId="3" fillId="0" borderId="14" xfId="0" applyFont="1" applyBorder="1">
      <alignment vertical="center"/>
    </xf>
    <xf numFmtId="0" fontId="3" fillId="0" borderId="15" xfId="0" applyFont="1" applyBorder="1">
      <alignment vertical="center"/>
    </xf>
    <xf numFmtId="0" fontId="3" fillId="0" borderId="14" xfId="0" applyFont="1" applyBorder="1" applyAlignment="1">
      <alignment horizontal="center" vertical="center"/>
    </xf>
    <xf numFmtId="0" fontId="6" fillId="0" borderId="4" xfId="0" applyFont="1" applyBorder="1">
      <alignment vertical="center"/>
    </xf>
    <xf numFmtId="0" fontId="1" fillId="0" borderId="4" xfId="0" applyFont="1" applyBorder="1">
      <alignment vertical="center"/>
    </xf>
    <xf numFmtId="0" fontId="1" fillId="0" borderId="0" xfId="0" applyFont="1" applyBorder="1">
      <alignment vertical="center"/>
    </xf>
    <xf numFmtId="0" fontId="1" fillId="0" borderId="5" xfId="0" applyFont="1" applyBorder="1">
      <alignment vertical="center"/>
    </xf>
    <xf numFmtId="0" fontId="1" fillId="0" borderId="9" xfId="0" applyFont="1" applyBorder="1">
      <alignment vertical="center"/>
    </xf>
    <xf numFmtId="0" fontId="1" fillId="0" borderId="12" xfId="0" applyFont="1" applyBorder="1" applyAlignment="1">
      <alignment vertical="center"/>
    </xf>
    <xf numFmtId="0" fontId="1" fillId="0" borderId="6" xfId="0" applyFont="1" applyBorder="1">
      <alignment vertical="center"/>
    </xf>
    <xf numFmtId="0" fontId="1" fillId="0" borderId="13" xfId="0" applyFont="1" applyBorder="1" applyAlignment="1">
      <alignment vertical="center"/>
    </xf>
    <xf numFmtId="0" fontId="0" fillId="0" borderId="0" xfId="0" applyFont="1" applyBorder="1">
      <alignment vertical="center"/>
    </xf>
    <xf numFmtId="0" fontId="0" fillId="0" borderId="10" xfId="0" applyFont="1" applyBorder="1">
      <alignment vertical="center"/>
    </xf>
    <xf numFmtId="0" fontId="0" fillId="0" borderId="7" xfId="0" applyFont="1" applyBorder="1">
      <alignment vertical="center"/>
    </xf>
    <xf numFmtId="0" fontId="0" fillId="0" borderId="6" xfId="0" applyFont="1" applyBorder="1">
      <alignment vertical="center"/>
    </xf>
    <xf numFmtId="0" fontId="0" fillId="0" borderId="8" xfId="0" applyFont="1" applyBorder="1">
      <alignment vertical="center"/>
    </xf>
    <xf numFmtId="0" fontId="0" fillId="0" borderId="14" xfId="0" applyFont="1" applyBorder="1">
      <alignment vertical="center"/>
    </xf>
    <xf numFmtId="0" fontId="0" fillId="0" borderId="18" xfId="0" applyFont="1" applyBorder="1">
      <alignment vertical="center"/>
    </xf>
    <xf numFmtId="0" fontId="0" fillId="0" borderId="9" xfId="0" applyFont="1" applyBorder="1">
      <alignment vertical="center"/>
    </xf>
    <xf numFmtId="49" fontId="1" fillId="0" borderId="0" xfId="0" applyNumberFormat="1" applyFont="1" applyBorder="1">
      <alignment vertical="center"/>
    </xf>
    <xf numFmtId="0" fontId="1" fillId="0" borderId="14" xfId="0" applyFont="1" applyBorder="1">
      <alignment vertical="center"/>
    </xf>
    <xf numFmtId="0" fontId="1" fillId="0" borderId="33" xfId="0" applyFont="1" applyBorder="1" applyAlignment="1">
      <alignment vertical="center"/>
    </xf>
    <xf numFmtId="0" fontId="1" fillId="0" borderId="15" xfId="0" applyFont="1" applyBorder="1">
      <alignment vertical="center"/>
    </xf>
    <xf numFmtId="0" fontId="3" fillId="0" borderId="21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right" vertical="center"/>
    </xf>
    <xf numFmtId="0" fontId="0" fillId="0" borderId="16" xfId="0" applyBorder="1" applyAlignment="1">
      <alignment horizontal="right" vertical="center"/>
    </xf>
    <xf numFmtId="0" fontId="0" fillId="0" borderId="13" xfId="0" applyBorder="1" applyAlignment="1">
      <alignment horizontal="right" vertical="center"/>
    </xf>
    <xf numFmtId="0" fontId="0" fillId="0" borderId="6" xfId="0" applyBorder="1" applyAlignment="1">
      <alignment horizontal="right" vertical="center"/>
    </xf>
    <xf numFmtId="0" fontId="3" fillId="0" borderId="16" xfId="0" applyFont="1" applyBorder="1" applyAlignment="1">
      <alignment horizontal="right" vertical="center" shrinkToFit="1"/>
    </xf>
    <xf numFmtId="0" fontId="0" fillId="0" borderId="16" xfId="0" applyBorder="1" applyAlignment="1">
      <alignment horizontal="right" vertical="center" shrinkToFit="1"/>
    </xf>
    <xf numFmtId="0" fontId="0" fillId="0" borderId="6" xfId="0" applyBorder="1" applyAlignment="1">
      <alignment horizontal="right" vertical="center" shrinkToFit="1"/>
    </xf>
    <xf numFmtId="0" fontId="3" fillId="0" borderId="16" xfId="0" applyFont="1" applyBorder="1" applyAlignment="1">
      <alignment horizontal="right" vertical="center"/>
    </xf>
    <xf numFmtId="0" fontId="1" fillId="0" borderId="0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49" fontId="9" fillId="0" borderId="11" xfId="0" applyNumberFormat="1" applyFont="1" applyBorder="1" applyAlignment="1">
      <alignment horizontal="center" vertical="center"/>
    </xf>
    <xf numFmtId="49" fontId="9" fillId="0" borderId="16" xfId="0" applyNumberFormat="1" applyFont="1" applyBorder="1" applyAlignment="1">
      <alignment horizontal="center" vertical="center"/>
    </xf>
    <xf numFmtId="49" fontId="9" fillId="0" borderId="13" xfId="0" applyNumberFormat="1" applyFont="1" applyBorder="1" applyAlignment="1">
      <alignment horizontal="center" vertical="center"/>
    </xf>
    <xf numFmtId="49" fontId="9" fillId="0" borderId="6" xfId="0" applyNumberFormat="1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9" fillId="0" borderId="11" xfId="0" applyFont="1" applyBorder="1" applyAlignment="1">
      <alignment horizontal="center" vertical="center" shrinkToFit="1"/>
    </xf>
    <xf numFmtId="0" fontId="9" fillId="0" borderId="16" xfId="0" applyFont="1" applyBorder="1" applyAlignment="1">
      <alignment horizontal="center" vertical="center" shrinkToFit="1"/>
    </xf>
    <xf numFmtId="0" fontId="9" fillId="0" borderId="13" xfId="0" applyFont="1" applyBorder="1" applyAlignment="1">
      <alignment horizontal="center" vertical="center" shrinkToFit="1"/>
    </xf>
    <xf numFmtId="0" fontId="9" fillId="0" borderId="6" xfId="0" applyFont="1" applyBorder="1" applyAlignment="1">
      <alignment horizontal="center" vertical="center" shrinkToFit="1"/>
    </xf>
    <xf numFmtId="0" fontId="9" fillId="0" borderId="11" xfId="0" applyFont="1" applyBorder="1" applyAlignment="1">
      <alignment horizontal="center" vertical="center"/>
    </xf>
    <xf numFmtId="0" fontId="9" fillId="0" borderId="16" xfId="0" applyFont="1" applyBorder="1" applyAlignment="1">
      <alignment horizontal="center" vertical="center"/>
    </xf>
    <xf numFmtId="0" fontId="9" fillId="0" borderId="13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/>
    </xf>
    <xf numFmtId="49" fontId="9" fillId="0" borderId="28" xfId="0" applyNumberFormat="1" applyFont="1" applyBorder="1" applyAlignment="1">
      <alignment horizontal="center" vertical="center"/>
    </xf>
    <xf numFmtId="49" fontId="9" fillId="0" borderId="9" xfId="0" applyNumberFormat="1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7" fillId="0" borderId="0" xfId="0" applyFont="1" applyBorder="1" applyAlignment="1">
      <alignment horizontal="left" vertical="top"/>
    </xf>
    <xf numFmtId="0" fontId="0" fillId="0" borderId="0" xfId="0" applyAlignment="1">
      <alignment vertical="top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top"/>
    </xf>
    <xf numFmtId="0" fontId="0" fillId="0" borderId="8" xfId="0" applyBorder="1" applyAlignment="1">
      <alignment horizontal="center" vertical="top"/>
    </xf>
    <xf numFmtId="0" fontId="4" fillId="0" borderId="11" xfId="0" applyFont="1" applyBorder="1" applyAlignment="1">
      <alignment horizontal="center"/>
    </xf>
    <xf numFmtId="0" fontId="0" fillId="0" borderId="10" xfId="0" applyBorder="1" applyAlignment="1">
      <alignment horizontal="center"/>
    </xf>
    <xf numFmtId="0" fontId="4" fillId="0" borderId="12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 shrinkToFit="1"/>
    </xf>
    <xf numFmtId="0" fontId="5" fillId="0" borderId="7" xfId="0" applyFont="1" applyBorder="1" applyAlignment="1">
      <alignment horizontal="center" vertical="center" wrapText="1" shrinkToFit="1"/>
    </xf>
    <xf numFmtId="0" fontId="5" fillId="0" borderId="14" xfId="0" applyFont="1" applyBorder="1" applyAlignment="1">
      <alignment horizontal="center" vertical="center" wrapText="1" shrinkToFit="1"/>
    </xf>
    <xf numFmtId="0" fontId="5" fillId="0" borderId="18" xfId="0" applyFont="1" applyBorder="1" applyAlignment="1">
      <alignment horizontal="center" vertical="center" wrapText="1" shrinkToFit="1"/>
    </xf>
    <xf numFmtId="0" fontId="4" fillId="0" borderId="19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3" fillId="0" borderId="0" xfId="0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5" xfId="0" applyFont="1" applyBorder="1" applyAlignment="1">
      <alignment horizontal="right" vertical="center"/>
    </xf>
    <xf numFmtId="0" fontId="0" fillId="0" borderId="5" xfId="0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 shrinkToFit="1"/>
    </xf>
    <xf numFmtId="0" fontId="3" fillId="0" borderId="25" xfId="0" applyFont="1" applyBorder="1" applyAlignment="1">
      <alignment horizontal="center" vertical="center" shrinkToFit="1"/>
    </xf>
    <xf numFmtId="0" fontId="3" fillId="0" borderId="26" xfId="0" applyFont="1" applyBorder="1" applyAlignment="1">
      <alignment horizontal="center" vertical="center" shrinkToFit="1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center" vertical="center" shrinkToFit="1"/>
    </xf>
    <xf numFmtId="0" fontId="5" fillId="0" borderId="27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3" fillId="0" borderId="10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0" fontId="3" fillId="0" borderId="24" xfId="0" applyFont="1" applyBorder="1" applyAlignment="1">
      <alignment vertical="center"/>
    </xf>
    <xf numFmtId="0" fontId="0" fillId="0" borderId="25" xfId="0" applyBorder="1" applyAlignment="1">
      <alignment vertical="center"/>
    </xf>
    <xf numFmtId="0" fontId="0" fillId="0" borderId="26" xfId="0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40970</xdr:colOff>
      <xdr:row>1</xdr:row>
      <xdr:rowOff>99060</xdr:rowOff>
    </xdr:from>
    <xdr:to>
      <xdr:col>21</xdr:col>
      <xdr:colOff>81939</xdr:colOff>
      <xdr:row>4</xdr:row>
      <xdr:rowOff>49731</xdr:rowOff>
    </xdr:to>
    <xdr:sp macro="" textlink="">
      <xdr:nvSpPr>
        <xdr:cNvPr id="2049" name="Text Box 1"/>
        <xdr:cNvSpPr txBox="1">
          <a:spLocks noChangeArrowheads="1"/>
        </xdr:cNvSpPr>
      </xdr:nvSpPr>
      <xdr:spPr bwMode="auto">
        <a:xfrm>
          <a:off x="1219200" y="247650"/>
          <a:ext cx="4476750" cy="600075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45720" tIns="27432" rIns="45720" bIns="0" anchor="t" upright="1"/>
        <a:lstStyle/>
        <a:p>
          <a:pPr algn="ctr" rtl="0">
            <a:defRPr sz="1000"/>
          </a:pPr>
          <a:r>
            <a:rPr lang="ja-JP" altLang="en-US" sz="20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家屋補充課税台帳名義人変更届</a:t>
          </a:r>
        </a:p>
      </xdr:txBody>
    </xdr:sp>
    <xdr:clientData/>
  </xdr:twoCellAnchor>
  <xdr:twoCellAnchor>
    <xdr:from>
      <xdr:col>0</xdr:col>
      <xdr:colOff>49530</xdr:colOff>
      <xdr:row>13</xdr:row>
      <xdr:rowOff>0</xdr:rowOff>
    </xdr:from>
    <xdr:to>
      <xdr:col>26</xdr:col>
      <xdr:colOff>22878</xdr:colOff>
      <xdr:row>15</xdr:row>
      <xdr:rowOff>123825</xdr:rowOff>
    </xdr:to>
    <xdr:sp macro="" textlink="">
      <xdr:nvSpPr>
        <xdr:cNvPr id="2050" name="Text Box 2"/>
        <xdr:cNvSpPr txBox="1">
          <a:spLocks noChangeArrowheads="1"/>
        </xdr:cNvSpPr>
      </xdr:nvSpPr>
      <xdr:spPr bwMode="auto">
        <a:xfrm>
          <a:off x="57150" y="2695575"/>
          <a:ext cx="6781800" cy="600075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0" anchor="t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　次の表示家屋について、家屋補充課税台帳名義人を変更したいので、次の</a:t>
          </a:r>
          <a:r>
            <a:rPr lang="ja-JP" altLang="en-US" sz="11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とおり届け出ます。</a:t>
          </a: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　なお、今後この届出並びにこの届出に関する紛争があった場合は、当事者間にて解決します。</a:t>
          </a:r>
        </a:p>
      </xdr:txBody>
    </xdr:sp>
    <xdr:clientData/>
  </xdr:twoCellAnchor>
  <xdr:twoCellAnchor>
    <xdr:from>
      <xdr:col>12</xdr:col>
      <xdr:colOff>0</xdr:colOff>
      <xdr:row>39</xdr:row>
      <xdr:rowOff>38100</xdr:rowOff>
    </xdr:from>
    <xdr:to>
      <xdr:col>12</xdr:col>
      <xdr:colOff>91440</xdr:colOff>
      <xdr:row>40</xdr:row>
      <xdr:rowOff>228600</xdr:rowOff>
    </xdr:to>
    <xdr:sp macro="" textlink="">
      <xdr:nvSpPr>
        <xdr:cNvPr id="2363" name="AutoShape 3"/>
        <xdr:cNvSpPr>
          <a:spLocks/>
        </xdr:cNvSpPr>
      </xdr:nvSpPr>
      <xdr:spPr bwMode="auto">
        <a:xfrm>
          <a:off x="2834640" y="8298180"/>
          <a:ext cx="91440" cy="388620"/>
        </a:xfrm>
        <a:prstGeom prst="rightBrace">
          <a:avLst>
            <a:gd name="adj1" fmla="val 35417"/>
            <a:gd name="adj2" fmla="val 45653"/>
          </a:avLst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12</xdr:col>
      <xdr:colOff>144780</xdr:colOff>
      <xdr:row>39</xdr:row>
      <xdr:rowOff>57150</xdr:rowOff>
    </xdr:from>
    <xdr:to>
      <xdr:col>19</xdr:col>
      <xdr:colOff>175308</xdr:colOff>
      <xdr:row>40</xdr:row>
      <xdr:rowOff>209550</xdr:rowOff>
    </xdr:to>
    <xdr:sp macro="" textlink="">
      <xdr:nvSpPr>
        <xdr:cNvPr id="2052" name="Text Box 4"/>
        <xdr:cNvSpPr txBox="1">
          <a:spLocks noChangeArrowheads="1"/>
        </xdr:cNvSpPr>
      </xdr:nvSpPr>
      <xdr:spPr bwMode="auto">
        <a:xfrm>
          <a:off x="3371850" y="8382000"/>
          <a:ext cx="1895475" cy="371475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18288" rIns="0" bIns="0" anchor="t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旧名義人と新名義人の相続関係を確認できるもの</a:t>
          </a:r>
        </a:p>
      </xdr:txBody>
    </xdr:sp>
    <xdr:clientData/>
  </xdr:twoCellAnchor>
  <xdr:twoCellAnchor>
    <xdr:from>
      <xdr:col>20</xdr:col>
      <xdr:colOff>0</xdr:colOff>
      <xdr:row>39</xdr:row>
      <xdr:rowOff>152400</xdr:rowOff>
    </xdr:from>
    <xdr:to>
      <xdr:col>27</xdr:col>
      <xdr:colOff>0</xdr:colOff>
      <xdr:row>44</xdr:row>
      <xdr:rowOff>95250</xdr:rowOff>
    </xdr:to>
    <xdr:sp macro="" textlink="">
      <xdr:nvSpPr>
        <xdr:cNvPr id="2054" name="Text Box 6"/>
        <xdr:cNvSpPr txBox="1">
          <a:spLocks noChangeArrowheads="1"/>
        </xdr:cNvSpPr>
      </xdr:nvSpPr>
      <xdr:spPr bwMode="auto">
        <a:xfrm>
          <a:off x="5334000" y="8477250"/>
          <a:ext cx="1638300" cy="10382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18288" rIns="0" bIns="18288" anchor="ctr" upright="1"/>
        <a:lstStyle/>
        <a:p>
          <a:pPr algn="l" rtl="0">
            <a:lnSpc>
              <a:spcPts val="1200"/>
            </a:lnSpc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◎　</a:t>
          </a:r>
          <a:r>
            <a:rPr lang="ja-JP" altLang="en-US" sz="10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添付書類について</a:t>
          </a:r>
        </a:p>
        <a:p>
          <a:pPr algn="l" rtl="0">
            <a:lnSpc>
              <a:spcPts val="1100"/>
            </a:lnSpc>
            <a:defRPr sz="1000"/>
          </a:pPr>
          <a:r>
            <a:rPr lang="ja-JP" altLang="en-US" sz="1000" b="0" i="0" u="none" strike="noStrike" baseline="0">
              <a:solidFill>
                <a:sysClr val="windowText" lastClr="000000"/>
              </a:solidFill>
              <a:latin typeface="ＭＳ 明朝"/>
              <a:ea typeface="ＭＳ 明朝"/>
            </a:rPr>
            <a:t>　　いずれも写しで結構ですが、（カ）以外は３か月以内に発行されたものを添付してください</a:t>
          </a:r>
          <a:r>
            <a:rPr lang="ja-JP" altLang="en-US" sz="10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。</a:t>
          </a:r>
        </a:p>
      </xdr:txBody>
    </xdr:sp>
    <xdr:clientData/>
  </xdr:twoCellAnchor>
  <xdr:twoCellAnchor>
    <xdr:from>
      <xdr:col>0</xdr:col>
      <xdr:colOff>22860</xdr:colOff>
      <xdr:row>45</xdr:row>
      <xdr:rowOff>47625</xdr:rowOff>
    </xdr:from>
    <xdr:to>
      <xdr:col>26</xdr:col>
      <xdr:colOff>133353</xdr:colOff>
      <xdr:row>46</xdr:row>
      <xdr:rowOff>390525</xdr:rowOff>
    </xdr:to>
    <xdr:sp macro="" textlink="">
      <xdr:nvSpPr>
        <xdr:cNvPr id="2055" name="Text Box 7"/>
        <xdr:cNvSpPr txBox="1">
          <a:spLocks noChangeArrowheads="1"/>
        </xdr:cNvSpPr>
      </xdr:nvSpPr>
      <xdr:spPr bwMode="auto">
        <a:xfrm>
          <a:off x="28575" y="9667875"/>
          <a:ext cx="6934200" cy="581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18288" rIns="0" bIns="18288" anchor="ctr" upright="1"/>
        <a:lstStyle/>
        <a:p>
          <a:pPr algn="l" rtl="0">
            <a:lnSpc>
              <a:spcPts val="1100"/>
            </a:lnSpc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（注）</a:t>
          </a:r>
        </a:p>
        <a:p>
          <a:pPr algn="l" rtl="0">
            <a:lnSpc>
              <a:spcPts val="1200"/>
            </a:lnSpc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１　この届出は、未登記建物用の届出です。登記建物については、法務局で手続きをしてください。</a:t>
          </a:r>
        </a:p>
        <a:p>
          <a:pPr algn="l" rtl="0">
            <a:lnSpc>
              <a:spcPts val="1100"/>
            </a:lnSpc>
            <a:defRPr sz="1000"/>
          </a:pPr>
          <a:r>
            <a:rPr lang="ja-JP" altLang="en-US" sz="105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２　</a:t>
          </a:r>
          <a:r>
            <a:rPr lang="en-US" altLang="ja-JP" sz="105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※</a:t>
          </a:r>
          <a:r>
            <a:rPr lang="ja-JP" altLang="en-US" sz="105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欄については市で使用しますので、記入の必要はありません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115"/>
  <sheetViews>
    <sheetView tabSelected="1" view="pageBreakPreview" zoomScale="89" zoomScaleNormal="100" zoomScaleSheetLayoutView="89" workbookViewId="0">
      <selection activeCell="AH59" sqref="AH59"/>
    </sheetView>
  </sheetViews>
  <sheetFormatPr defaultColWidth="9" defaultRowHeight="13.2" x14ac:dyDescent="0.2"/>
  <cols>
    <col min="1" max="25" width="3.44140625" style="23" customWidth="1"/>
    <col min="26" max="26" width="1.88671875" style="23" customWidth="1"/>
    <col min="27" max="27" width="2.109375" style="23" customWidth="1"/>
    <col min="28" max="48" width="3.77734375" style="23" customWidth="1"/>
    <col min="49" max="16384" width="9" style="23"/>
  </cols>
  <sheetData>
    <row r="1" spans="1:29" s="4" customFormat="1" ht="11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3"/>
      <c r="AB1" s="57"/>
      <c r="AC1" s="58"/>
    </row>
    <row r="2" spans="1:29" x14ac:dyDescent="0.2">
      <c r="A2" s="56"/>
      <c r="AA2" s="22"/>
      <c r="AB2" s="56"/>
      <c r="AC2" s="21"/>
    </row>
    <row r="3" spans="1:29" s="5" customFormat="1" ht="18.75" customHeight="1" x14ac:dyDescent="0.2">
      <c r="A3" s="46"/>
      <c r="B3" s="45"/>
      <c r="C3" s="45"/>
      <c r="D3" s="45"/>
      <c r="E3" s="45"/>
      <c r="F3" s="45"/>
      <c r="G3" s="45"/>
      <c r="H3" s="45"/>
      <c r="I3" s="45"/>
      <c r="J3" s="45"/>
      <c r="K3" s="45"/>
      <c r="L3" s="45"/>
      <c r="M3" s="45"/>
      <c r="N3" s="45"/>
      <c r="O3" s="45"/>
      <c r="P3" s="45"/>
      <c r="Q3" s="45"/>
      <c r="R3" s="45"/>
      <c r="S3" s="45"/>
      <c r="T3" s="45"/>
      <c r="U3" s="45"/>
      <c r="V3" s="45"/>
      <c r="W3" s="45"/>
      <c r="X3" s="45"/>
      <c r="Y3" s="45"/>
      <c r="Z3" s="45"/>
      <c r="AA3" s="47"/>
      <c r="AB3" s="6"/>
      <c r="AC3" s="7"/>
    </row>
    <row r="4" spans="1:29" s="5" customFormat="1" ht="18.75" customHeight="1" x14ac:dyDescent="0.2">
      <c r="A4" s="46"/>
      <c r="B4" s="45"/>
      <c r="C4" s="45"/>
      <c r="D4" s="45"/>
      <c r="E4" s="45"/>
      <c r="F4" s="45"/>
      <c r="G4" s="45"/>
      <c r="H4" s="45"/>
      <c r="I4" s="45"/>
      <c r="J4" s="45"/>
      <c r="K4" s="45"/>
      <c r="L4" s="45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7"/>
      <c r="AB4" s="6"/>
      <c r="AC4" s="7"/>
    </row>
    <row r="5" spans="1:29" s="5" customFormat="1" ht="18.75" customHeight="1" x14ac:dyDescent="0.2">
      <c r="A5" s="173" t="s">
        <v>49</v>
      </c>
      <c r="B5" s="171"/>
      <c r="C5" s="171"/>
      <c r="D5" s="171"/>
      <c r="E5" s="171"/>
      <c r="F5" s="171"/>
      <c r="G5" s="171"/>
      <c r="H5" s="171"/>
      <c r="I5" s="171"/>
      <c r="J5" s="171"/>
      <c r="K5" s="171"/>
      <c r="L5" s="171"/>
      <c r="M5" s="171"/>
      <c r="N5" s="171"/>
      <c r="O5" s="171"/>
      <c r="P5" s="171"/>
      <c r="Q5" s="171"/>
      <c r="R5" s="171"/>
      <c r="S5" s="171"/>
      <c r="T5" s="171"/>
      <c r="U5" s="171"/>
      <c r="V5" s="171"/>
      <c r="W5" s="171"/>
      <c r="X5" s="171"/>
      <c r="Y5" s="171"/>
      <c r="Z5" s="171"/>
      <c r="AA5" s="174"/>
      <c r="AB5" s="6"/>
      <c r="AC5" s="7"/>
    </row>
    <row r="6" spans="1:29" s="5" customFormat="1" ht="18.75" customHeight="1" x14ac:dyDescent="0.2">
      <c r="A6" s="6"/>
      <c r="B6" s="7" t="s">
        <v>42</v>
      </c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  <c r="S6" s="7"/>
      <c r="T6" s="7"/>
      <c r="U6" s="7"/>
      <c r="V6" s="7"/>
      <c r="W6" s="7"/>
      <c r="X6" s="7"/>
      <c r="Y6" s="7"/>
      <c r="Z6" s="7"/>
      <c r="AA6" s="8"/>
      <c r="AB6" s="6"/>
      <c r="AC6" s="7"/>
    </row>
    <row r="7" spans="1:29" s="5" customFormat="1" ht="11.25" customHeight="1" x14ac:dyDescent="0.2">
      <c r="A7" s="46"/>
      <c r="B7" s="45"/>
      <c r="C7" s="45"/>
      <c r="D7" s="45"/>
      <c r="E7" s="45"/>
      <c r="F7" s="45"/>
      <c r="G7" s="45"/>
      <c r="H7" s="45"/>
      <c r="I7" s="45"/>
      <c r="J7" s="45"/>
      <c r="K7" s="45"/>
      <c r="L7" s="45"/>
      <c r="M7" s="45"/>
      <c r="N7" s="45"/>
      <c r="O7" s="45"/>
      <c r="P7" s="45"/>
      <c r="Q7" s="45"/>
      <c r="R7" s="45"/>
      <c r="S7" s="45"/>
      <c r="T7" s="45"/>
      <c r="U7" s="45"/>
      <c r="V7" s="45"/>
      <c r="W7" s="45"/>
      <c r="X7" s="45"/>
      <c r="Y7" s="45"/>
      <c r="Z7" s="45"/>
      <c r="AA7" s="47"/>
      <c r="AB7" s="6"/>
      <c r="AC7" s="7"/>
    </row>
    <row r="8" spans="1:29" s="5" customFormat="1" ht="18.75" customHeight="1" x14ac:dyDescent="0.2">
      <c r="A8" s="6"/>
      <c r="B8" s="7"/>
      <c r="C8" s="7"/>
      <c r="D8" s="7"/>
      <c r="E8" s="7"/>
      <c r="F8" s="7"/>
      <c r="G8" s="7"/>
      <c r="H8" s="7"/>
      <c r="I8" s="7"/>
      <c r="J8" s="7"/>
      <c r="K8" s="7"/>
      <c r="L8" s="48"/>
      <c r="M8" s="51"/>
      <c r="N8" s="133" t="s">
        <v>28</v>
      </c>
      <c r="O8" s="134"/>
      <c r="P8" s="134"/>
      <c r="Q8" s="176"/>
      <c r="R8" s="48"/>
      <c r="S8" s="49"/>
      <c r="T8" s="49"/>
      <c r="U8" s="49"/>
      <c r="V8" s="49"/>
      <c r="W8" s="49"/>
      <c r="X8" s="49"/>
      <c r="Y8" s="49"/>
      <c r="Z8" s="51"/>
      <c r="AA8" s="8"/>
      <c r="AB8" s="6"/>
      <c r="AC8" s="7"/>
    </row>
    <row r="9" spans="1:29" s="5" customFormat="1" ht="15" customHeight="1" x14ac:dyDescent="0.2">
      <c r="A9" s="6"/>
      <c r="B9" s="7"/>
      <c r="C9" s="7"/>
      <c r="D9" s="7"/>
      <c r="E9" s="7"/>
      <c r="F9" s="7"/>
      <c r="G9" s="7"/>
      <c r="H9" s="7"/>
      <c r="I9" s="7"/>
      <c r="J9" s="7"/>
      <c r="K9" s="7"/>
      <c r="L9" s="6"/>
      <c r="M9" s="8"/>
      <c r="N9" s="106"/>
      <c r="O9" s="107"/>
      <c r="P9" s="107"/>
      <c r="Q9" s="177"/>
      <c r="R9" s="52"/>
      <c r="S9" s="53"/>
      <c r="T9" s="53"/>
      <c r="U9" s="53"/>
      <c r="V9" s="53"/>
      <c r="W9" s="53"/>
      <c r="X9" s="53"/>
      <c r="Y9" s="53"/>
      <c r="Z9" s="54"/>
      <c r="AA9" s="8"/>
    </row>
    <row r="10" spans="1:29" s="5" customFormat="1" ht="18.75" customHeight="1" x14ac:dyDescent="0.2">
      <c r="A10" s="6"/>
      <c r="B10" s="7"/>
      <c r="C10" s="7"/>
      <c r="D10" s="7"/>
      <c r="E10" s="7"/>
      <c r="F10" s="7"/>
      <c r="G10" s="7"/>
      <c r="H10" s="7"/>
      <c r="I10" s="7"/>
      <c r="J10" s="7"/>
      <c r="K10" s="7"/>
      <c r="L10" s="105" t="s">
        <v>7</v>
      </c>
      <c r="M10" s="175"/>
      <c r="N10" s="181" t="s">
        <v>34</v>
      </c>
      <c r="O10" s="182"/>
      <c r="P10" s="182"/>
      <c r="Q10" s="183"/>
      <c r="R10" s="48"/>
      <c r="S10" s="49"/>
      <c r="T10" s="50"/>
      <c r="U10" s="50"/>
      <c r="V10" s="50"/>
      <c r="W10" s="50"/>
      <c r="X10" s="49"/>
      <c r="Y10" s="134"/>
      <c r="Z10" s="51"/>
      <c r="AA10" s="8"/>
    </row>
    <row r="11" spans="1:29" s="5" customFormat="1" ht="15" customHeight="1" x14ac:dyDescent="0.2">
      <c r="A11" s="6"/>
      <c r="B11" s="7"/>
      <c r="C11" s="7"/>
      <c r="D11" s="7"/>
      <c r="E11" s="7"/>
      <c r="F11" s="7"/>
      <c r="G11" s="7"/>
      <c r="H11" s="7"/>
      <c r="I11" s="7"/>
      <c r="J11" s="7"/>
      <c r="K11" s="7"/>
      <c r="L11" s="6"/>
      <c r="M11" s="8"/>
      <c r="N11" s="184"/>
      <c r="O11" s="185"/>
      <c r="P11" s="185"/>
      <c r="Q11" s="186"/>
      <c r="R11" s="52"/>
      <c r="S11" s="53"/>
      <c r="T11" s="55"/>
      <c r="U11" s="55"/>
      <c r="V11" s="55"/>
      <c r="W11" s="55"/>
      <c r="X11" s="53"/>
      <c r="Y11" s="107"/>
      <c r="Z11" s="54"/>
      <c r="AA11" s="8"/>
    </row>
    <row r="12" spans="1:29" s="5" customFormat="1" ht="18.75" customHeight="1" x14ac:dyDescent="0.2">
      <c r="A12" s="6"/>
      <c r="B12" s="7"/>
      <c r="C12" s="7"/>
      <c r="D12" s="7"/>
      <c r="E12" s="7"/>
      <c r="F12" s="7"/>
      <c r="G12" s="7"/>
      <c r="H12" s="7"/>
      <c r="I12" s="7"/>
      <c r="J12" s="7"/>
      <c r="K12" s="7"/>
      <c r="L12" s="52"/>
      <c r="M12" s="54"/>
      <c r="N12" s="178" t="s">
        <v>29</v>
      </c>
      <c r="O12" s="179"/>
      <c r="P12" s="179"/>
      <c r="Q12" s="180"/>
      <c r="R12" s="194" t="s">
        <v>30</v>
      </c>
      <c r="S12" s="195"/>
      <c r="T12" s="195"/>
      <c r="U12" s="195"/>
      <c r="V12" s="195"/>
      <c r="W12" s="195"/>
      <c r="X12" s="195"/>
      <c r="Y12" s="195"/>
      <c r="Z12" s="196"/>
      <c r="AA12" s="8"/>
    </row>
    <row r="13" spans="1:29" s="5" customFormat="1" ht="15" customHeight="1" x14ac:dyDescent="0.2">
      <c r="A13" s="6"/>
      <c r="B13" s="7"/>
      <c r="C13" s="7"/>
      <c r="D13" s="7"/>
      <c r="E13" s="7"/>
      <c r="F13" s="7"/>
      <c r="G13" s="7"/>
      <c r="H13" s="7"/>
      <c r="I13" s="7"/>
      <c r="J13" s="7"/>
      <c r="K13" s="7"/>
      <c r="L13" s="7"/>
      <c r="M13" s="7"/>
      <c r="N13" s="7"/>
      <c r="O13" s="7"/>
      <c r="P13" s="7"/>
      <c r="Q13" s="7"/>
      <c r="R13" s="7"/>
      <c r="S13" s="7"/>
      <c r="T13" s="7"/>
      <c r="U13" s="7"/>
      <c r="V13" s="7"/>
      <c r="W13" s="7"/>
      <c r="X13" s="7"/>
      <c r="Y13" s="7"/>
      <c r="Z13" s="7"/>
      <c r="AA13" s="8"/>
    </row>
    <row r="14" spans="1:29" s="5" customFormat="1" ht="18.75" customHeight="1" x14ac:dyDescent="0.2">
      <c r="A14" s="6"/>
      <c r="B14" s="7"/>
      <c r="C14" s="7"/>
      <c r="D14" s="7"/>
      <c r="E14" s="7"/>
      <c r="F14" s="7"/>
      <c r="G14" s="7"/>
      <c r="H14" s="7"/>
      <c r="I14" s="7"/>
      <c r="J14" s="7"/>
      <c r="K14" s="7"/>
      <c r="L14" s="7"/>
      <c r="M14" s="7"/>
      <c r="N14" s="7"/>
      <c r="O14" s="7"/>
      <c r="P14" s="7"/>
      <c r="Q14" s="7"/>
      <c r="R14" s="7"/>
      <c r="S14" s="7"/>
      <c r="T14" s="7"/>
      <c r="U14" s="7"/>
      <c r="V14" s="7"/>
      <c r="W14" s="7"/>
      <c r="X14" s="7"/>
      <c r="Y14" s="7"/>
      <c r="Z14" s="7"/>
      <c r="AA14" s="8"/>
    </row>
    <row r="15" spans="1:29" s="5" customFormat="1" ht="18.75" customHeight="1" x14ac:dyDescent="0.2">
      <c r="A15" s="6"/>
      <c r="B15" s="7"/>
      <c r="C15" s="7"/>
      <c r="D15" s="7"/>
      <c r="E15" s="7"/>
      <c r="F15" s="7"/>
      <c r="G15" s="7"/>
      <c r="H15" s="7"/>
      <c r="I15" s="7"/>
      <c r="J15" s="7"/>
      <c r="K15" s="7"/>
      <c r="L15" s="7"/>
      <c r="M15" s="7"/>
      <c r="N15" s="7"/>
      <c r="O15" s="7"/>
      <c r="P15" s="7"/>
      <c r="Q15" s="7"/>
      <c r="R15" s="7"/>
      <c r="S15" s="7"/>
      <c r="T15" s="7"/>
      <c r="U15" s="7"/>
      <c r="V15" s="7"/>
      <c r="W15" s="7"/>
      <c r="X15" s="7"/>
      <c r="Y15" s="7"/>
      <c r="Z15" s="7"/>
      <c r="AA15" s="8"/>
    </row>
    <row r="16" spans="1:29" s="5" customFormat="1" ht="18.75" customHeight="1" x14ac:dyDescent="0.2">
      <c r="A16" s="6"/>
      <c r="B16" s="7"/>
      <c r="C16" s="7"/>
      <c r="D16" s="7"/>
      <c r="E16" s="7"/>
      <c r="F16" s="7"/>
      <c r="G16" s="7"/>
      <c r="H16" s="7"/>
      <c r="I16" s="7"/>
      <c r="J16" s="7"/>
      <c r="K16" s="7"/>
      <c r="L16" s="7"/>
      <c r="M16" s="7"/>
      <c r="N16" s="7"/>
      <c r="O16" s="7"/>
      <c r="P16" s="7"/>
      <c r="Q16" s="7"/>
      <c r="R16" s="7"/>
      <c r="S16" s="7"/>
      <c r="T16" s="7"/>
      <c r="U16" s="7"/>
      <c r="V16" s="7"/>
      <c r="W16" s="7"/>
      <c r="X16" s="7"/>
      <c r="Y16" s="7"/>
      <c r="Z16" s="7"/>
      <c r="AA16" s="8"/>
    </row>
    <row r="17" spans="1:27" s="5" customFormat="1" ht="4.5" customHeight="1" x14ac:dyDescent="0.2">
      <c r="A17" s="6"/>
      <c r="B17" s="7"/>
      <c r="C17" s="7"/>
      <c r="D17" s="7"/>
      <c r="E17" s="7"/>
      <c r="F17" s="7"/>
      <c r="G17" s="7"/>
      <c r="H17" s="7"/>
      <c r="I17" s="7"/>
      <c r="J17" s="7"/>
      <c r="K17" s="7"/>
      <c r="L17" s="7"/>
      <c r="M17" s="7"/>
      <c r="N17" s="7"/>
      <c r="O17" s="7"/>
      <c r="P17" s="7"/>
      <c r="Q17" s="7"/>
      <c r="R17" s="7"/>
      <c r="S17" s="7"/>
      <c r="T17" s="7"/>
      <c r="U17" s="7"/>
      <c r="V17" s="7"/>
      <c r="W17" s="7"/>
      <c r="X17" s="7"/>
      <c r="Y17" s="7"/>
      <c r="Z17" s="7"/>
      <c r="AA17" s="8"/>
    </row>
    <row r="18" spans="1:27" s="5" customFormat="1" ht="15" customHeight="1" x14ac:dyDescent="0.2">
      <c r="A18" s="104" t="s">
        <v>35</v>
      </c>
      <c r="B18" s="90"/>
      <c r="C18" s="91"/>
      <c r="D18" s="90" t="s">
        <v>0</v>
      </c>
      <c r="E18" s="91"/>
      <c r="F18" s="76" t="s">
        <v>19</v>
      </c>
      <c r="G18" s="76"/>
      <c r="H18" s="76"/>
      <c r="I18" s="76"/>
      <c r="J18" s="76"/>
      <c r="K18" s="76"/>
      <c r="L18" s="76"/>
      <c r="M18" s="109"/>
      <c r="N18" s="76" t="s">
        <v>4</v>
      </c>
      <c r="O18" s="76"/>
      <c r="P18" s="76"/>
      <c r="Q18" s="76"/>
      <c r="R18" s="76"/>
      <c r="S18" s="76"/>
      <c r="T18" s="109"/>
      <c r="U18" s="76" t="s">
        <v>20</v>
      </c>
      <c r="V18" s="76"/>
      <c r="W18" s="76"/>
      <c r="X18" s="76"/>
      <c r="Y18" s="76"/>
      <c r="Z18" s="76"/>
      <c r="AA18" s="77"/>
    </row>
    <row r="19" spans="1:27" s="5" customFormat="1" ht="18.75" customHeight="1" x14ac:dyDescent="0.2">
      <c r="A19" s="105"/>
      <c r="B19" s="86"/>
      <c r="C19" s="87"/>
      <c r="D19" s="86"/>
      <c r="E19" s="87"/>
      <c r="F19" s="7"/>
      <c r="G19" s="7"/>
      <c r="H19" s="7"/>
      <c r="I19" s="7"/>
      <c r="J19" s="7"/>
      <c r="K19" s="7"/>
      <c r="L19" s="7"/>
      <c r="M19" s="10"/>
      <c r="N19" s="7"/>
      <c r="O19" s="7"/>
      <c r="P19" s="7"/>
      <c r="Q19" s="7"/>
      <c r="R19" s="7"/>
      <c r="S19" s="7"/>
      <c r="T19" s="10"/>
      <c r="U19" s="7"/>
      <c r="V19" s="7"/>
      <c r="W19" s="7"/>
      <c r="X19" s="7"/>
      <c r="Y19" s="7"/>
      <c r="Z19" s="7"/>
      <c r="AA19" s="8"/>
    </row>
    <row r="20" spans="1:27" s="5" customFormat="1" ht="18.75" customHeight="1" x14ac:dyDescent="0.2">
      <c r="A20" s="105"/>
      <c r="B20" s="86"/>
      <c r="C20" s="87"/>
      <c r="D20" s="88"/>
      <c r="E20" s="89"/>
      <c r="F20" s="9"/>
      <c r="G20" s="9"/>
      <c r="H20" s="9"/>
      <c r="I20" s="9"/>
      <c r="J20" s="9"/>
      <c r="K20" s="9"/>
      <c r="L20" s="9"/>
      <c r="M20" s="11"/>
      <c r="N20" s="9"/>
      <c r="O20" s="9"/>
      <c r="P20" s="9"/>
      <c r="Q20" s="9"/>
      <c r="R20" s="9"/>
      <c r="S20" s="9"/>
      <c r="T20" s="11"/>
      <c r="U20" s="9"/>
      <c r="V20" s="9"/>
      <c r="W20" s="9"/>
      <c r="X20" s="9"/>
      <c r="Y20" s="9"/>
      <c r="Z20" s="9"/>
      <c r="AA20" s="12"/>
    </row>
    <row r="21" spans="1:27" s="5" customFormat="1" ht="18.75" customHeight="1" x14ac:dyDescent="0.2">
      <c r="A21" s="105"/>
      <c r="B21" s="86"/>
      <c r="C21" s="87"/>
      <c r="D21" s="86" t="s">
        <v>21</v>
      </c>
      <c r="E21" s="87"/>
      <c r="F21" s="7"/>
      <c r="G21" s="7"/>
      <c r="H21" s="13"/>
      <c r="I21" s="90" t="s">
        <v>22</v>
      </c>
      <c r="J21" s="91"/>
      <c r="K21" s="171" t="s">
        <v>8</v>
      </c>
      <c r="L21" s="171"/>
      <c r="M21" s="171"/>
      <c r="N21" s="171"/>
      <c r="O21" s="171" t="s">
        <v>9</v>
      </c>
      <c r="P21" s="171"/>
      <c r="Q21" s="171"/>
      <c r="R21" s="99" t="s">
        <v>10</v>
      </c>
      <c r="S21" s="99"/>
      <c r="T21" s="192"/>
      <c r="U21" s="90" t="s">
        <v>5</v>
      </c>
      <c r="V21" s="91"/>
      <c r="W21" s="7"/>
      <c r="X21" s="7"/>
      <c r="Y21" s="7"/>
      <c r="Z21" s="7"/>
      <c r="AA21" s="8"/>
    </row>
    <row r="22" spans="1:27" s="17" customFormat="1" ht="18.75" customHeight="1" x14ac:dyDescent="0.2">
      <c r="A22" s="105"/>
      <c r="B22" s="86"/>
      <c r="C22" s="87"/>
      <c r="D22" s="88"/>
      <c r="E22" s="89"/>
      <c r="F22" s="14"/>
      <c r="G22" s="14"/>
      <c r="H22" s="15"/>
      <c r="I22" s="88"/>
      <c r="J22" s="89"/>
      <c r="K22" s="172"/>
      <c r="L22" s="172"/>
      <c r="M22" s="172"/>
      <c r="N22" s="172"/>
      <c r="O22" s="172"/>
      <c r="P22" s="172"/>
      <c r="Q22" s="172"/>
      <c r="R22" s="172"/>
      <c r="S22" s="172"/>
      <c r="T22" s="193"/>
      <c r="U22" s="88"/>
      <c r="V22" s="89"/>
      <c r="W22" s="14"/>
      <c r="X22" s="14"/>
      <c r="Y22" s="14"/>
      <c r="Z22" s="12" t="s">
        <v>26</v>
      </c>
      <c r="AA22" s="16"/>
    </row>
    <row r="23" spans="1:27" ht="15" customHeight="1" x14ac:dyDescent="0.2">
      <c r="A23" s="105"/>
      <c r="B23" s="86"/>
      <c r="C23" s="87"/>
      <c r="D23" s="151" t="s">
        <v>6</v>
      </c>
      <c r="E23" s="152"/>
      <c r="F23" s="19"/>
      <c r="G23" s="19"/>
      <c r="H23" s="19"/>
      <c r="I23" s="19"/>
      <c r="J23" s="19"/>
      <c r="K23" s="19"/>
      <c r="L23" s="19"/>
      <c r="M23" s="19"/>
      <c r="N23" s="19"/>
      <c r="O23" s="20" t="s">
        <v>37</v>
      </c>
      <c r="P23" s="21"/>
      <c r="Q23" s="21"/>
      <c r="R23" s="21"/>
      <c r="S23" s="21"/>
      <c r="T23" s="21"/>
      <c r="U23" s="21"/>
      <c r="V23" s="21"/>
      <c r="W23" s="21"/>
      <c r="X23" s="21"/>
      <c r="Y23" s="21"/>
      <c r="Z23" s="21"/>
      <c r="AA23" s="22"/>
    </row>
    <row r="24" spans="1:27" s="17" customFormat="1" ht="15" customHeight="1" x14ac:dyDescent="0.2">
      <c r="A24" s="105"/>
      <c r="B24" s="86"/>
      <c r="C24" s="87"/>
      <c r="D24" s="151"/>
      <c r="E24" s="152"/>
      <c r="F24" s="19"/>
      <c r="G24" s="19"/>
      <c r="H24" s="19"/>
      <c r="I24" s="19"/>
      <c r="J24" s="19"/>
      <c r="K24" s="19"/>
      <c r="L24" s="19"/>
      <c r="M24" s="19"/>
      <c r="N24" s="19"/>
      <c r="O24" s="24"/>
      <c r="P24" s="19"/>
      <c r="Q24" s="19"/>
      <c r="R24" s="19"/>
      <c r="S24" s="19"/>
      <c r="T24" s="19"/>
      <c r="U24" s="19"/>
      <c r="V24" s="19"/>
      <c r="W24" s="19"/>
      <c r="X24" s="19"/>
      <c r="Y24" s="19"/>
      <c r="Z24" s="19"/>
      <c r="AA24" s="25"/>
    </row>
    <row r="25" spans="1:27" s="17" customFormat="1" ht="15" customHeight="1" x14ac:dyDescent="0.2">
      <c r="A25" s="116"/>
      <c r="B25" s="88"/>
      <c r="C25" s="89"/>
      <c r="D25" s="169"/>
      <c r="E25" s="170"/>
      <c r="F25" s="14"/>
      <c r="G25" s="14"/>
      <c r="H25" s="14"/>
      <c r="I25" s="14"/>
      <c r="J25" s="14"/>
      <c r="K25" s="14"/>
      <c r="L25" s="14"/>
      <c r="M25" s="14"/>
      <c r="N25" s="14"/>
      <c r="O25" s="27"/>
      <c r="P25" s="14"/>
      <c r="Q25" s="14"/>
      <c r="R25" s="14"/>
      <c r="S25" s="14"/>
      <c r="T25" s="14"/>
      <c r="U25" s="14"/>
      <c r="V25" s="14"/>
      <c r="W25" s="14"/>
      <c r="X25" s="14"/>
      <c r="Y25" s="14"/>
      <c r="Z25" s="14"/>
      <c r="AA25" s="16"/>
    </row>
    <row r="26" spans="1:27" s="17" customFormat="1" ht="18.75" customHeight="1" x14ac:dyDescent="0.2">
      <c r="A26" s="147" t="s">
        <v>11</v>
      </c>
      <c r="B26" s="148"/>
      <c r="C26" s="149"/>
      <c r="D26" s="151" t="s">
        <v>18</v>
      </c>
      <c r="E26" s="151"/>
      <c r="F26" s="151"/>
      <c r="G26" s="151"/>
      <c r="H26" s="151"/>
      <c r="I26" s="151"/>
      <c r="J26" s="151"/>
      <c r="K26" s="151"/>
      <c r="L26" s="151"/>
      <c r="M26" s="151"/>
      <c r="N26" s="151"/>
      <c r="O26" s="151"/>
      <c r="P26" s="152"/>
      <c r="Q26" s="151" t="s">
        <v>12</v>
      </c>
      <c r="R26" s="152"/>
      <c r="S26" s="18"/>
      <c r="T26" s="19"/>
      <c r="U26" s="19"/>
      <c r="V26" s="19"/>
      <c r="W26" s="19"/>
      <c r="X26" s="19"/>
      <c r="Y26" s="19"/>
      <c r="Z26" s="19"/>
      <c r="AA26" s="25"/>
    </row>
    <row r="27" spans="1:27" s="17" customFormat="1" ht="18.75" customHeight="1" x14ac:dyDescent="0.2">
      <c r="A27" s="168"/>
      <c r="B27" s="169"/>
      <c r="C27" s="170"/>
      <c r="D27" s="169"/>
      <c r="E27" s="169"/>
      <c r="F27" s="169"/>
      <c r="G27" s="169"/>
      <c r="H27" s="169"/>
      <c r="I27" s="169"/>
      <c r="J27" s="169"/>
      <c r="K27" s="169"/>
      <c r="L27" s="169"/>
      <c r="M27" s="169"/>
      <c r="N27" s="169"/>
      <c r="O27" s="169"/>
      <c r="P27" s="170"/>
      <c r="Q27" s="169"/>
      <c r="R27" s="170"/>
      <c r="S27" s="26"/>
      <c r="T27" s="14"/>
      <c r="U27" s="14"/>
      <c r="V27" s="14"/>
      <c r="W27" s="14"/>
      <c r="X27" s="14"/>
      <c r="Y27" s="14"/>
      <c r="Z27" s="14"/>
      <c r="AA27" s="16"/>
    </row>
    <row r="28" spans="1:27" s="17" customFormat="1" ht="18.75" customHeight="1" x14ac:dyDescent="0.2">
      <c r="A28" s="147" t="s">
        <v>17</v>
      </c>
      <c r="B28" s="148"/>
      <c r="C28" s="149"/>
      <c r="D28" s="149" t="s">
        <v>2</v>
      </c>
      <c r="E28" s="139" t="s">
        <v>13</v>
      </c>
      <c r="F28" s="140"/>
      <c r="G28" s="19"/>
      <c r="H28" s="19"/>
      <c r="I28" s="19"/>
      <c r="J28" s="19"/>
      <c r="K28" s="19"/>
      <c r="L28" s="19"/>
      <c r="M28" s="19"/>
      <c r="N28" s="19"/>
      <c r="O28" s="19"/>
      <c r="P28" s="19"/>
      <c r="Q28" s="19"/>
      <c r="R28" s="19"/>
      <c r="S28" s="19"/>
      <c r="T28" s="19"/>
      <c r="U28" s="19"/>
      <c r="V28" s="19"/>
      <c r="W28" s="19"/>
      <c r="X28" s="19"/>
      <c r="Y28" s="19"/>
      <c r="Z28" s="19"/>
      <c r="AA28" s="25"/>
    </row>
    <row r="29" spans="1:27" s="17" customFormat="1" ht="18.75" customHeight="1" x14ac:dyDescent="0.2">
      <c r="A29" s="150"/>
      <c r="B29" s="151"/>
      <c r="C29" s="152"/>
      <c r="D29" s="152"/>
      <c r="E29" s="141" t="s">
        <v>32</v>
      </c>
      <c r="F29" s="142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  <c r="R29" s="19"/>
      <c r="S29" s="19"/>
      <c r="T29" s="19"/>
      <c r="U29" s="19"/>
      <c r="V29" s="19"/>
      <c r="W29" s="19"/>
      <c r="X29" s="19"/>
      <c r="Y29" s="19"/>
      <c r="Z29" s="19"/>
      <c r="AA29" s="25"/>
    </row>
    <row r="30" spans="1:27" s="17" customFormat="1" ht="18.75" customHeight="1" x14ac:dyDescent="0.2">
      <c r="A30" s="150"/>
      <c r="B30" s="151"/>
      <c r="C30" s="152"/>
      <c r="D30" s="152"/>
      <c r="E30" s="137" t="s">
        <v>0</v>
      </c>
      <c r="F30" s="138"/>
      <c r="G30" s="14"/>
      <c r="H30" s="14"/>
      <c r="I30" s="14"/>
      <c r="J30" s="14"/>
      <c r="K30" s="14"/>
      <c r="L30" s="14"/>
      <c r="M30" s="14"/>
      <c r="N30" s="14"/>
      <c r="O30" s="14"/>
      <c r="P30" s="28" t="s">
        <v>31</v>
      </c>
      <c r="Q30" s="14"/>
      <c r="R30" s="14"/>
      <c r="S30" s="29"/>
      <c r="T30" s="14"/>
      <c r="U30" s="14"/>
      <c r="V30" s="30"/>
      <c r="W30" s="14"/>
      <c r="X30" s="30"/>
      <c r="Y30" s="30"/>
      <c r="Z30" s="14"/>
      <c r="AA30" s="16"/>
    </row>
    <row r="31" spans="1:27" ht="18.75" customHeight="1" x14ac:dyDescent="0.2">
      <c r="A31" s="150"/>
      <c r="B31" s="151"/>
      <c r="C31" s="152"/>
      <c r="D31" s="152"/>
      <c r="E31" s="139" t="s">
        <v>14</v>
      </c>
      <c r="F31" s="140"/>
      <c r="G31" s="64" t="s">
        <v>41</v>
      </c>
      <c r="H31" s="19"/>
      <c r="I31" s="19"/>
      <c r="J31" s="19"/>
      <c r="K31" s="19"/>
      <c r="L31" s="19"/>
      <c r="M31" s="19"/>
      <c r="N31" s="19"/>
      <c r="O31" s="19"/>
      <c r="P31" s="19"/>
      <c r="Q31" s="19"/>
      <c r="R31" s="19"/>
      <c r="S31" s="31" t="s">
        <v>27</v>
      </c>
      <c r="T31" s="32" t="s">
        <v>38</v>
      </c>
      <c r="U31" s="21"/>
      <c r="V31" s="21"/>
      <c r="W31" s="21"/>
      <c r="X31" s="21"/>
      <c r="Y31" s="21"/>
      <c r="Z31" s="21"/>
      <c r="AA31" s="22"/>
    </row>
    <row r="32" spans="1:27" ht="15" customHeight="1" x14ac:dyDescent="0.2">
      <c r="A32" s="153"/>
      <c r="B32" s="154"/>
      <c r="C32" s="155"/>
      <c r="D32" s="155"/>
      <c r="E32" s="141" t="s">
        <v>32</v>
      </c>
      <c r="F32" s="142"/>
      <c r="G32" s="21"/>
      <c r="H32" s="21"/>
      <c r="I32" s="21"/>
      <c r="J32" s="21"/>
      <c r="K32" s="21"/>
      <c r="L32" s="21"/>
      <c r="M32" s="21"/>
      <c r="N32" s="21"/>
      <c r="O32" s="21"/>
      <c r="P32" s="21"/>
      <c r="Q32" s="21"/>
      <c r="R32" s="154"/>
      <c r="S32" s="155"/>
      <c r="T32" s="21"/>
      <c r="U32" s="21"/>
      <c r="V32" s="21"/>
      <c r="W32" s="21"/>
      <c r="X32" s="21"/>
      <c r="Y32" s="21"/>
      <c r="Z32" s="21"/>
      <c r="AA32" s="22"/>
    </row>
    <row r="33" spans="1:27" ht="15" customHeight="1" x14ac:dyDescent="0.2">
      <c r="A33" s="153"/>
      <c r="B33" s="154"/>
      <c r="C33" s="155"/>
      <c r="D33" s="158"/>
      <c r="E33" s="137" t="s">
        <v>33</v>
      </c>
      <c r="F33" s="138"/>
      <c r="G33" s="33"/>
      <c r="H33" s="33"/>
      <c r="I33" s="33"/>
      <c r="J33" s="33"/>
      <c r="K33" s="33"/>
      <c r="L33" s="33"/>
      <c r="M33" s="33"/>
      <c r="N33" s="33"/>
      <c r="O33" s="33"/>
      <c r="P33" s="33"/>
      <c r="Q33" s="33"/>
      <c r="R33" s="33"/>
      <c r="S33" s="34"/>
      <c r="T33" s="33"/>
      <c r="U33" s="33"/>
      <c r="V33" s="33"/>
      <c r="W33" s="33"/>
      <c r="X33" s="33"/>
      <c r="Y33" s="33"/>
      <c r="Z33" s="33"/>
      <c r="AA33" s="35"/>
    </row>
    <row r="34" spans="1:27" ht="18.75" customHeight="1" x14ac:dyDescent="0.2">
      <c r="A34" s="153"/>
      <c r="B34" s="154"/>
      <c r="C34" s="155"/>
      <c r="D34" s="155" t="s">
        <v>3</v>
      </c>
      <c r="E34" s="139" t="s">
        <v>13</v>
      </c>
      <c r="F34" s="140"/>
      <c r="G34" s="21"/>
      <c r="H34" s="21"/>
      <c r="I34" s="21"/>
      <c r="J34" s="21"/>
      <c r="K34" s="21"/>
      <c r="L34" s="21"/>
      <c r="M34" s="21"/>
      <c r="N34" s="21"/>
      <c r="O34" s="21"/>
      <c r="P34" s="21"/>
      <c r="Q34" s="21"/>
      <c r="R34" s="21"/>
      <c r="S34" s="21"/>
      <c r="T34" s="21"/>
      <c r="U34" s="21"/>
      <c r="V34" s="21"/>
      <c r="W34" s="21"/>
      <c r="X34" s="21"/>
      <c r="Y34" s="21"/>
      <c r="Z34" s="21"/>
      <c r="AA34" s="22"/>
    </row>
    <row r="35" spans="1:27" ht="18.75" customHeight="1" x14ac:dyDescent="0.2">
      <c r="A35" s="153"/>
      <c r="B35" s="154"/>
      <c r="C35" s="155"/>
      <c r="D35" s="155"/>
      <c r="E35" s="141" t="s">
        <v>32</v>
      </c>
      <c r="F35" s="142"/>
      <c r="G35" s="21"/>
      <c r="H35" s="21"/>
      <c r="I35" s="21"/>
      <c r="J35" s="21"/>
      <c r="K35" s="21"/>
      <c r="L35" s="21"/>
      <c r="M35" s="21"/>
      <c r="N35" s="21"/>
      <c r="O35" s="21"/>
      <c r="P35" s="21"/>
      <c r="Q35" s="21"/>
      <c r="R35" s="21"/>
      <c r="S35" s="21"/>
      <c r="T35" s="21"/>
      <c r="U35" s="21"/>
      <c r="V35" s="21"/>
      <c r="W35" s="21"/>
      <c r="X35" s="21"/>
      <c r="Y35" s="21"/>
      <c r="Z35" s="21"/>
      <c r="AA35" s="22"/>
    </row>
    <row r="36" spans="1:27" s="17" customFormat="1" ht="18.75" customHeight="1" x14ac:dyDescent="0.2">
      <c r="A36" s="153"/>
      <c r="B36" s="154"/>
      <c r="C36" s="155"/>
      <c r="D36" s="155"/>
      <c r="E36" s="137" t="s">
        <v>0</v>
      </c>
      <c r="F36" s="138"/>
      <c r="G36" s="33"/>
      <c r="H36" s="33"/>
      <c r="I36" s="33"/>
      <c r="J36" s="33"/>
      <c r="K36" s="33"/>
      <c r="L36" s="33"/>
      <c r="M36" s="33"/>
      <c r="N36" s="33"/>
      <c r="O36" s="33"/>
      <c r="P36" s="28" t="s">
        <v>31</v>
      </c>
      <c r="Q36" s="14"/>
      <c r="R36" s="29"/>
      <c r="S36" s="29"/>
      <c r="T36" s="14"/>
      <c r="U36" s="14"/>
      <c r="V36" s="30"/>
      <c r="W36" s="14"/>
      <c r="X36" s="30"/>
      <c r="Y36" s="30"/>
      <c r="Z36" s="14"/>
      <c r="AA36" s="16"/>
    </row>
    <row r="37" spans="1:27" ht="18.75" customHeight="1" x14ac:dyDescent="0.2">
      <c r="A37" s="150"/>
      <c r="B37" s="151"/>
      <c r="C37" s="152"/>
      <c r="D37" s="152"/>
      <c r="E37" s="139" t="s">
        <v>14</v>
      </c>
      <c r="F37" s="140"/>
      <c r="G37" s="64" t="s">
        <v>41</v>
      </c>
      <c r="H37" s="19"/>
      <c r="I37" s="19"/>
      <c r="J37" s="19"/>
      <c r="K37" s="19"/>
      <c r="L37" s="19"/>
      <c r="M37" s="19"/>
      <c r="N37" s="19"/>
      <c r="O37" s="19"/>
      <c r="P37" s="19"/>
      <c r="Q37" s="19"/>
      <c r="R37" s="19"/>
      <c r="S37" s="31"/>
      <c r="T37" s="32" t="s">
        <v>38</v>
      </c>
      <c r="U37" s="21"/>
      <c r="V37" s="21"/>
      <c r="W37" s="21"/>
      <c r="X37" s="21"/>
      <c r="Y37" s="21"/>
      <c r="Z37" s="21"/>
      <c r="AA37" s="22"/>
    </row>
    <row r="38" spans="1:27" ht="15" customHeight="1" x14ac:dyDescent="0.2">
      <c r="A38" s="153"/>
      <c r="B38" s="154"/>
      <c r="C38" s="155"/>
      <c r="D38" s="155"/>
      <c r="E38" s="141" t="s">
        <v>32</v>
      </c>
      <c r="F38" s="142"/>
      <c r="G38" s="21"/>
      <c r="H38" s="21"/>
      <c r="I38" s="21"/>
      <c r="J38" s="21"/>
      <c r="K38" s="21"/>
      <c r="L38" s="21"/>
      <c r="M38" s="21"/>
      <c r="N38" s="21"/>
      <c r="O38" s="21"/>
      <c r="P38" s="21"/>
      <c r="Q38" s="21"/>
      <c r="R38" s="154"/>
      <c r="S38" s="155"/>
      <c r="T38" s="21"/>
      <c r="U38" s="21"/>
      <c r="V38" s="21"/>
      <c r="W38" s="21"/>
      <c r="X38" s="21"/>
      <c r="Y38" s="21"/>
      <c r="Z38" s="21"/>
      <c r="AA38" s="22"/>
    </row>
    <row r="39" spans="1:27" ht="15" customHeight="1" x14ac:dyDescent="0.2">
      <c r="A39" s="156"/>
      <c r="B39" s="157"/>
      <c r="C39" s="158"/>
      <c r="D39" s="158"/>
      <c r="E39" s="137" t="s">
        <v>33</v>
      </c>
      <c r="F39" s="138"/>
      <c r="G39" s="33"/>
      <c r="H39" s="33"/>
      <c r="I39" s="33"/>
      <c r="J39" s="33"/>
      <c r="K39" s="33"/>
      <c r="L39" s="33"/>
      <c r="M39" s="33"/>
      <c r="N39" s="33"/>
      <c r="O39" s="33"/>
      <c r="P39" s="33"/>
      <c r="Q39" s="33"/>
      <c r="R39" s="33"/>
      <c r="S39" s="34"/>
      <c r="T39" s="33"/>
      <c r="U39" s="33"/>
      <c r="V39" s="33"/>
      <c r="W39" s="33"/>
      <c r="X39" s="33"/>
      <c r="Y39" s="33"/>
      <c r="Z39" s="33"/>
      <c r="AA39" s="35"/>
    </row>
    <row r="40" spans="1:27" ht="17.25" customHeight="1" x14ac:dyDescent="0.2">
      <c r="A40" s="153" t="s">
        <v>1</v>
      </c>
      <c r="B40" s="154"/>
      <c r="C40" s="155"/>
      <c r="D40" s="162" t="s">
        <v>15</v>
      </c>
      <c r="E40" s="163"/>
      <c r="F40" s="32" t="s">
        <v>43</v>
      </c>
      <c r="G40" s="32"/>
      <c r="H40" s="64"/>
      <c r="I40" s="64"/>
      <c r="J40" s="64"/>
      <c r="K40" s="64"/>
      <c r="L40" s="64"/>
      <c r="M40" s="64"/>
      <c r="N40" s="64"/>
      <c r="O40" s="64"/>
      <c r="P40" s="64"/>
      <c r="Q40" s="64"/>
      <c r="R40" s="64"/>
      <c r="S40" s="64"/>
      <c r="T40" s="65"/>
      <c r="U40" s="21"/>
      <c r="V40" s="21"/>
      <c r="W40" s="21"/>
      <c r="X40" s="21"/>
      <c r="Y40" s="21"/>
      <c r="Z40" s="21"/>
      <c r="AA40" s="22"/>
    </row>
    <row r="41" spans="1:27" ht="17.25" customHeight="1" x14ac:dyDescent="0.2">
      <c r="A41" s="153"/>
      <c r="B41" s="154"/>
      <c r="C41" s="155"/>
      <c r="D41" s="164"/>
      <c r="E41" s="165"/>
      <c r="F41" s="32" t="s">
        <v>44</v>
      </c>
      <c r="G41" s="32"/>
      <c r="H41" s="64"/>
      <c r="I41" s="64"/>
      <c r="J41" s="64"/>
      <c r="K41" s="64"/>
      <c r="L41" s="64"/>
      <c r="M41" s="64"/>
      <c r="N41" s="64"/>
      <c r="O41" s="64"/>
      <c r="P41" s="64"/>
      <c r="Q41" s="64"/>
      <c r="R41" s="64"/>
      <c r="S41" s="64"/>
      <c r="T41" s="66"/>
      <c r="U41" s="21"/>
      <c r="V41" s="21"/>
      <c r="W41" s="21"/>
      <c r="X41" s="21"/>
      <c r="Y41" s="21"/>
      <c r="Z41" s="21"/>
      <c r="AA41" s="22"/>
    </row>
    <row r="42" spans="1:27" ht="17.25" customHeight="1" x14ac:dyDescent="0.2">
      <c r="A42" s="153"/>
      <c r="B42" s="154"/>
      <c r="C42" s="155"/>
      <c r="D42" s="166"/>
      <c r="E42" s="167"/>
      <c r="F42" s="37" t="s">
        <v>45</v>
      </c>
      <c r="G42" s="37"/>
      <c r="H42" s="67"/>
      <c r="I42" s="67"/>
      <c r="J42" s="67"/>
      <c r="K42" s="67"/>
      <c r="L42" s="67"/>
      <c r="M42" s="67"/>
      <c r="N42" s="67"/>
      <c r="O42" s="67"/>
      <c r="P42" s="67"/>
      <c r="Q42" s="67"/>
      <c r="R42" s="67"/>
      <c r="S42" s="67"/>
      <c r="T42" s="68"/>
      <c r="U42" s="21"/>
      <c r="V42" s="21"/>
      <c r="W42" s="21"/>
      <c r="X42" s="21"/>
      <c r="Y42" s="21"/>
      <c r="Z42" s="21"/>
      <c r="AA42" s="22"/>
    </row>
    <row r="43" spans="1:27" ht="17.25" customHeight="1" x14ac:dyDescent="0.2">
      <c r="A43" s="153"/>
      <c r="B43" s="154"/>
      <c r="C43" s="155"/>
      <c r="D43" s="143" t="s">
        <v>16</v>
      </c>
      <c r="E43" s="144"/>
      <c r="F43" s="32" t="s">
        <v>46</v>
      </c>
      <c r="G43" s="32"/>
      <c r="H43" s="64"/>
      <c r="I43" s="64"/>
      <c r="J43" s="64"/>
      <c r="K43" s="64"/>
      <c r="L43" s="64"/>
      <c r="M43" s="64"/>
      <c r="N43" s="64"/>
      <c r="O43" s="64"/>
      <c r="P43" s="64"/>
      <c r="Q43" s="64"/>
      <c r="R43" s="64"/>
      <c r="S43" s="64"/>
      <c r="T43" s="66"/>
      <c r="U43" s="21"/>
      <c r="V43" s="21"/>
      <c r="W43" s="21"/>
      <c r="X43" s="21"/>
      <c r="Y43" s="21"/>
      <c r="Z43" s="21"/>
      <c r="AA43" s="22"/>
    </row>
    <row r="44" spans="1:27" ht="17.25" customHeight="1" x14ac:dyDescent="0.2">
      <c r="A44" s="153"/>
      <c r="B44" s="154"/>
      <c r="C44" s="155"/>
      <c r="D44" s="143"/>
      <c r="E44" s="144"/>
      <c r="F44" s="32" t="s">
        <v>47</v>
      </c>
      <c r="G44" s="32"/>
      <c r="H44" s="64"/>
      <c r="I44" s="64"/>
      <c r="J44" s="64"/>
      <c r="K44" s="64"/>
      <c r="L44" s="64"/>
      <c r="M44" s="64"/>
      <c r="N44" s="64"/>
      <c r="O44" s="64"/>
      <c r="P44" s="64"/>
      <c r="Q44" s="64"/>
      <c r="R44" s="64"/>
      <c r="S44" s="64"/>
      <c r="T44" s="66"/>
      <c r="U44" s="21"/>
      <c r="V44" s="21"/>
      <c r="W44" s="21"/>
      <c r="X44" s="21"/>
      <c r="Y44" s="21"/>
      <c r="Z44" s="21"/>
      <c r="AA44" s="22"/>
    </row>
    <row r="45" spans="1:27" ht="15.75" customHeight="1" x14ac:dyDescent="0.2">
      <c r="A45" s="159"/>
      <c r="B45" s="160"/>
      <c r="C45" s="161"/>
      <c r="D45" s="145"/>
      <c r="E45" s="146"/>
      <c r="F45" s="38" t="s">
        <v>48</v>
      </c>
      <c r="G45" s="38"/>
      <c r="H45" s="69"/>
      <c r="I45" s="69"/>
      <c r="J45" s="69"/>
      <c r="K45" s="69"/>
      <c r="L45" s="69"/>
      <c r="M45" s="69"/>
      <c r="N45" s="69"/>
      <c r="O45" s="69"/>
      <c r="P45" s="69"/>
      <c r="Q45" s="69"/>
      <c r="R45" s="69"/>
      <c r="S45" s="69"/>
      <c r="T45" s="70"/>
      <c r="U45" s="39"/>
      <c r="V45" s="39"/>
      <c r="W45" s="39"/>
      <c r="X45" s="39"/>
      <c r="Y45" s="39"/>
      <c r="Z45" s="39"/>
      <c r="AA45" s="40"/>
    </row>
    <row r="46" spans="1:27" ht="18.75" customHeight="1" x14ac:dyDescent="0.2">
      <c r="A46" s="41"/>
      <c r="B46" s="21"/>
      <c r="C46" s="21"/>
      <c r="D46" s="21"/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</row>
    <row r="47" spans="1:27" ht="31.5" customHeight="1" x14ac:dyDescent="0.2"/>
    <row r="48" spans="1:27" ht="4.5" customHeight="1" x14ac:dyDescent="0.2"/>
    <row r="49" spans="1:27" ht="18.75" customHeight="1" x14ac:dyDescent="0.2">
      <c r="P49" s="189" t="s">
        <v>24</v>
      </c>
      <c r="Q49" s="190"/>
      <c r="R49" s="191"/>
      <c r="S49" s="190" t="s">
        <v>25</v>
      </c>
      <c r="T49" s="190"/>
      <c r="U49" s="191"/>
      <c r="V49" s="187" t="s">
        <v>23</v>
      </c>
      <c r="W49" s="187"/>
      <c r="X49" s="187"/>
      <c r="Y49" s="188"/>
    </row>
    <row r="50" spans="1:27" ht="18.75" customHeight="1" x14ac:dyDescent="0.2">
      <c r="P50" s="42"/>
      <c r="Q50" s="43"/>
      <c r="R50" s="36"/>
      <c r="S50" s="43"/>
      <c r="T50" s="43"/>
      <c r="U50" s="36"/>
      <c r="V50" s="43"/>
      <c r="W50" s="43"/>
      <c r="X50" s="43"/>
      <c r="Y50" s="36"/>
    </row>
    <row r="51" spans="1:27" ht="27" customHeight="1" x14ac:dyDescent="0.2">
      <c r="M51" s="131"/>
      <c r="N51" s="132"/>
      <c r="P51" s="44"/>
      <c r="Q51" s="33"/>
      <c r="R51" s="34"/>
      <c r="S51" s="33"/>
      <c r="T51" s="33"/>
      <c r="U51" s="34"/>
      <c r="V51" s="33"/>
      <c r="W51" s="33"/>
      <c r="X51" s="33"/>
      <c r="Y51" s="34"/>
    </row>
    <row r="52" spans="1:27" ht="18.75" customHeight="1" x14ac:dyDescent="0.2">
      <c r="M52" s="131" t="s">
        <v>36</v>
      </c>
      <c r="N52" s="132"/>
    </row>
    <row r="53" spans="1:27" ht="16.8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131" t="s">
        <v>50</v>
      </c>
      <c r="N53" s="132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</row>
    <row r="54" spans="1:27" ht="16.8" customHeight="1" x14ac:dyDescent="0.2">
      <c r="A54" s="133" t="s">
        <v>35</v>
      </c>
      <c r="B54" s="134"/>
      <c r="C54" s="135"/>
      <c r="D54" s="134" t="s">
        <v>0</v>
      </c>
      <c r="E54" s="135"/>
      <c r="F54" s="129" t="s">
        <v>19</v>
      </c>
      <c r="G54" s="129"/>
      <c r="H54" s="129"/>
      <c r="I54" s="129"/>
      <c r="J54" s="129"/>
      <c r="K54" s="129"/>
      <c r="L54" s="129"/>
      <c r="M54" s="136"/>
      <c r="N54" s="129" t="s">
        <v>4</v>
      </c>
      <c r="O54" s="129"/>
      <c r="P54" s="129"/>
      <c r="Q54" s="129"/>
      <c r="R54" s="129"/>
      <c r="S54" s="129"/>
      <c r="T54" s="136"/>
      <c r="U54" s="129" t="s">
        <v>20</v>
      </c>
      <c r="V54" s="129"/>
      <c r="W54" s="129"/>
      <c r="X54" s="129"/>
      <c r="Y54" s="129"/>
      <c r="Z54" s="129"/>
      <c r="AA54" s="130"/>
    </row>
    <row r="55" spans="1:27" ht="16.8" customHeight="1" x14ac:dyDescent="0.2">
      <c r="A55" s="105"/>
      <c r="B55" s="86"/>
      <c r="C55" s="87"/>
      <c r="D55" s="86"/>
      <c r="E55" s="87"/>
      <c r="F55" s="121"/>
      <c r="G55" s="122"/>
      <c r="H55" s="122"/>
      <c r="I55" s="122"/>
      <c r="J55" s="122"/>
      <c r="K55" s="122"/>
      <c r="L55" s="122"/>
      <c r="M55" s="125"/>
      <c r="N55" s="121"/>
      <c r="O55" s="122"/>
      <c r="P55" s="122"/>
      <c r="Q55" s="122"/>
      <c r="R55" s="122"/>
      <c r="S55" s="122"/>
      <c r="T55" s="125"/>
      <c r="U55" s="112"/>
      <c r="V55" s="113"/>
      <c r="W55" s="113"/>
      <c r="X55" s="113"/>
      <c r="Y55" s="113"/>
      <c r="Z55" s="113"/>
      <c r="AA55" s="127"/>
    </row>
    <row r="56" spans="1:27" ht="16.8" customHeight="1" x14ac:dyDescent="0.2">
      <c r="A56" s="105"/>
      <c r="B56" s="86"/>
      <c r="C56" s="87"/>
      <c r="D56" s="88"/>
      <c r="E56" s="89"/>
      <c r="F56" s="123"/>
      <c r="G56" s="124"/>
      <c r="H56" s="124"/>
      <c r="I56" s="124"/>
      <c r="J56" s="124"/>
      <c r="K56" s="124"/>
      <c r="L56" s="124"/>
      <c r="M56" s="126"/>
      <c r="N56" s="123"/>
      <c r="O56" s="124"/>
      <c r="P56" s="124"/>
      <c r="Q56" s="124"/>
      <c r="R56" s="124"/>
      <c r="S56" s="124"/>
      <c r="T56" s="126"/>
      <c r="U56" s="114"/>
      <c r="V56" s="115"/>
      <c r="W56" s="115"/>
      <c r="X56" s="115"/>
      <c r="Y56" s="115"/>
      <c r="Z56" s="115"/>
      <c r="AA56" s="128"/>
    </row>
    <row r="57" spans="1:27" ht="16.8" customHeight="1" x14ac:dyDescent="0.2">
      <c r="A57" s="105"/>
      <c r="B57" s="86"/>
      <c r="C57" s="87"/>
      <c r="D57" s="86" t="s">
        <v>21</v>
      </c>
      <c r="E57" s="87"/>
      <c r="F57" s="121"/>
      <c r="G57" s="122"/>
      <c r="H57" s="125"/>
      <c r="I57" s="90" t="s">
        <v>22</v>
      </c>
      <c r="J57" s="91"/>
      <c r="K57" s="117"/>
      <c r="L57" s="118"/>
      <c r="M57" s="118"/>
      <c r="N57" s="90" t="s">
        <v>8</v>
      </c>
      <c r="O57" s="117"/>
      <c r="P57" s="118"/>
      <c r="Q57" s="90" t="s">
        <v>9</v>
      </c>
      <c r="R57" s="121"/>
      <c r="S57" s="122"/>
      <c r="T57" s="91" t="s">
        <v>10</v>
      </c>
      <c r="U57" s="90" t="s">
        <v>5</v>
      </c>
      <c r="V57" s="91"/>
      <c r="W57" s="112"/>
      <c r="X57" s="113"/>
      <c r="Y57" s="113"/>
      <c r="Z57" s="7"/>
      <c r="AA57" s="8"/>
    </row>
    <row r="58" spans="1:27" ht="16.8" customHeight="1" x14ac:dyDescent="0.2">
      <c r="A58" s="105"/>
      <c r="B58" s="86"/>
      <c r="C58" s="87"/>
      <c r="D58" s="88"/>
      <c r="E58" s="89"/>
      <c r="F58" s="123"/>
      <c r="G58" s="124"/>
      <c r="H58" s="126"/>
      <c r="I58" s="88"/>
      <c r="J58" s="89"/>
      <c r="K58" s="119"/>
      <c r="L58" s="120"/>
      <c r="M58" s="120"/>
      <c r="N58" s="82"/>
      <c r="O58" s="119"/>
      <c r="P58" s="120"/>
      <c r="Q58" s="82"/>
      <c r="R58" s="123"/>
      <c r="S58" s="124"/>
      <c r="T58" s="83"/>
      <c r="U58" s="88"/>
      <c r="V58" s="89"/>
      <c r="W58" s="114"/>
      <c r="X58" s="115"/>
      <c r="Y58" s="115"/>
      <c r="Z58" s="12" t="s">
        <v>51</v>
      </c>
      <c r="AA58" s="71"/>
    </row>
    <row r="59" spans="1:27" ht="16.8" customHeight="1" x14ac:dyDescent="0.2">
      <c r="A59" s="105"/>
      <c r="B59" s="86"/>
      <c r="C59" s="87"/>
      <c r="D59" s="100" t="s">
        <v>6</v>
      </c>
      <c r="E59" s="101"/>
      <c r="F59" s="58"/>
      <c r="G59" s="58"/>
      <c r="H59" s="58"/>
      <c r="I59" s="58"/>
      <c r="J59" s="58"/>
      <c r="K59" s="58"/>
      <c r="L59" s="58"/>
      <c r="M59" s="58"/>
      <c r="N59" s="58"/>
      <c r="O59" s="20" t="s">
        <v>39</v>
      </c>
      <c r="P59" s="58"/>
      <c r="Q59" s="58"/>
      <c r="R59" s="58"/>
      <c r="S59" s="58"/>
      <c r="T59" s="58"/>
      <c r="U59" s="58"/>
      <c r="V59" s="58"/>
      <c r="W59" s="58"/>
      <c r="X59" s="58"/>
      <c r="Y59" s="58"/>
      <c r="Z59" s="58"/>
      <c r="AA59" s="59"/>
    </row>
    <row r="60" spans="1:27" ht="16.8" customHeight="1" x14ac:dyDescent="0.2">
      <c r="A60" s="105"/>
      <c r="B60" s="86"/>
      <c r="C60" s="87"/>
      <c r="D60" s="100"/>
      <c r="E60" s="101"/>
      <c r="F60" s="58"/>
      <c r="G60" s="58"/>
      <c r="H60" s="58"/>
      <c r="I60" s="58"/>
      <c r="J60" s="58"/>
      <c r="K60" s="58"/>
      <c r="L60" s="58"/>
      <c r="M60" s="58"/>
      <c r="N60" s="58"/>
      <c r="O60" s="61"/>
      <c r="P60" s="72"/>
      <c r="Q60" s="58"/>
      <c r="R60" s="58"/>
      <c r="S60" s="58"/>
      <c r="T60" s="58"/>
      <c r="U60" s="58"/>
      <c r="V60" s="58"/>
      <c r="W60" s="58"/>
      <c r="X60" s="58"/>
      <c r="Y60" s="58"/>
      <c r="Z60" s="58"/>
      <c r="AA60" s="59"/>
    </row>
    <row r="61" spans="1:27" ht="16.8" customHeight="1" x14ac:dyDescent="0.2">
      <c r="A61" s="116"/>
      <c r="B61" s="88"/>
      <c r="C61" s="89"/>
      <c r="D61" s="102"/>
      <c r="E61" s="103"/>
      <c r="F61" s="62"/>
      <c r="G61" s="62"/>
      <c r="H61" s="62"/>
      <c r="I61" s="62"/>
      <c r="J61" s="62"/>
      <c r="K61" s="62"/>
      <c r="L61" s="62"/>
      <c r="M61" s="62"/>
      <c r="N61" s="62"/>
      <c r="O61" s="63"/>
      <c r="P61" s="62"/>
      <c r="Q61" s="62"/>
      <c r="R61" s="62"/>
      <c r="S61" s="62"/>
      <c r="T61" s="62"/>
      <c r="U61" s="62"/>
      <c r="V61" s="62"/>
      <c r="W61" s="62"/>
      <c r="X61" s="62"/>
      <c r="Y61" s="62"/>
      <c r="Z61" s="62"/>
      <c r="AA61" s="60"/>
    </row>
    <row r="62" spans="1:27" ht="16.8" customHeight="1" x14ac:dyDescent="0.2">
      <c r="A62" s="104" t="s">
        <v>35</v>
      </c>
      <c r="B62" s="90"/>
      <c r="C62" s="91"/>
      <c r="D62" s="90" t="s">
        <v>0</v>
      </c>
      <c r="E62" s="91"/>
      <c r="F62" s="76" t="s">
        <v>19</v>
      </c>
      <c r="G62" s="76"/>
      <c r="H62" s="76"/>
      <c r="I62" s="76"/>
      <c r="J62" s="76"/>
      <c r="K62" s="76"/>
      <c r="L62" s="76"/>
      <c r="M62" s="109"/>
      <c r="N62" s="76" t="s">
        <v>4</v>
      </c>
      <c r="O62" s="76"/>
      <c r="P62" s="76"/>
      <c r="Q62" s="76"/>
      <c r="R62" s="76"/>
      <c r="S62" s="76"/>
      <c r="T62" s="109"/>
      <c r="U62" s="76" t="s">
        <v>20</v>
      </c>
      <c r="V62" s="76"/>
      <c r="W62" s="76"/>
      <c r="X62" s="76"/>
      <c r="Y62" s="76"/>
      <c r="Z62" s="76"/>
      <c r="AA62" s="77"/>
    </row>
    <row r="63" spans="1:27" ht="16.8" customHeight="1" x14ac:dyDescent="0.2">
      <c r="A63" s="105"/>
      <c r="B63" s="86"/>
      <c r="C63" s="87"/>
      <c r="D63" s="86"/>
      <c r="E63" s="87"/>
      <c r="F63" s="121"/>
      <c r="G63" s="122"/>
      <c r="H63" s="122"/>
      <c r="I63" s="122"/>
      <c r="J63" s="122"/>
      <c r="K63" s="122"/>
      <c r="L63" s="122"/>
      <c r="M63" s="125"/>
      <c r="N63" s="121"/>
      <c r="O63" s="122"/>
      <c r="P63" s="122"/>
      <c r="Q63" s="122"/>
      <c r="R63" s="122"/>
      <c r="S63" s="122"/>
      <c r="T63" s="125"/>
      <c r="U63" s="112"/>
      <c r="V63" s="113"/>
      <c r="W63" s="113"/>
      <c r="X63" s="113"/>
      <c r="Y63" s="113"/>
      <c r="Z63" s="113"/>
      <c r="AA63" s="127"/>
    </row>
    <row r="64" spans="1:27" ht="16.8" customHeight="1" x14ac:dyDescent="0.2">
      <c r="A64" s="105"/>
      <c r="B64" s="86"/>
      <c r="C64" s="87"/>
      <c r="D64" s="88"/>
      <c r="E64" s="89"/>
      <c r="F64" s="123"/>
      <c r="G64" s="124"/>
      <c r="H64" s="124"/>
      <c r="I64" s="124"/>
      <c r="J64" s="124"/>
      <c r="K64" s="124"/>
      <c r="L64" s="124"/>
      <c r="M64" s="126"/>
      <c r="N64" s="123"/>
      <c r="O64" s="124"/>
      <c r="P64" s="124"/>
      <c r="Q64" s="124"/>
      <c r="R64" s="124"/>
      <c r="S64" s="124"/>
      <c r="T64" s="126"/>
      <c r="U64" s="114"/>
      <c r="V64" s="115"/>
      <c r="W64" s="115"/>
      <c r="X64" s="115"/>
      <c r="Y64" s="115"/>
      <c r="Z64" s="115"/>
      <c r="AA64" s="128"/>
    </row>
    <row r="65" spans="1:27" ht="16.8" customHeight="1" x14ac:dyDescent="0.2">
      <c r="A65" s="105"/>
      <c r="B65" s="86"/>
      <c r="C65" s="87"/>
      <c r="D65" s="86" t="s">
        <v>21</v>
      </c>
      <c r="E65" s="87"/>
      <c r="F65" s="121"/>
      <c r="G65" s="122"/>
      <c r="H65" s="125"/>
      <c r="I65" s="90" t="s">
        <v>22</v>
      </c>
      <c r="J65" s="91"/>
      <c r="K65" s="117"/>
      <c r="L65" s="118"/>
      <c r="M65" s="118"/>
      <c r="N65" s="90" t="s">
        <v>8</v>
      </c>
      <c r="O65" s="117"/>
      <c r="P65" s="118"/>
      <c r="Q65" s="90" t="s">
        <v>9</v>
      </c>
      <c r="R65" s="121"/>
      <c r="S65" s="122"/>
      <c r="T65" s="91" t="s">
        <v>10</v>
      </c>
      <c r="U65" s="90" t="s">
        <v>5</v>
      </c>
      <c r="V65" s="91"/>
      <c r="W65" s="112"/>
      <c r="X65" s="113"/>
      <c r="Y65" s="113"/>
      <c r="Z65" s="7"/>
      <c r="AA65" s="8"/>
    </row>
    <row r="66" spans="1:27" ht="16.8" customHeight="1" x14ac:dyDescent="0.2">
      <c r="A66" s="105"/>
      <c r="B66" s="86"/>
      <c r="C66" s="87"/>
      <c r="D66" s="88"/>
      <c r="E66" s="89"/>
      <c r="F66" s="123"/>
      <c r="G66" s="124"/>
      <c r="H66" s="126"/>
      <c r="I66" s="88"/>
      <c r="J66" s="89"/>
      <c r="K66" s="119"/>
      <c r="L66" s="120"/>
      <c r="M66" s="120"/>
      <c r="N66" s="82"/>
      <c r="O66" s="119"/>
      <c r="P66" s="120"/>
      <c r="Q66" s="82"/>
      <c r="R66" s="123"/>
      <c r="S66" s="124"/>
      <c r="T66" s="83"/>
      <c r="U66" s="88"/>
      <c r="V66" s="89"/>
      <c r="W66" s="114"/>
      <c r="X66" s="115"/>
      <c r="Y66" s="115"/>
      <c r="Z66" s="12" t="s">
        <v>52</v>
      </c>
      <c r="AA66" s="71"/>
    </row>
    <row r="67" spans="1:27" ht="16.8" customHeight="1" x14ac:dyDescent="0.2">
      <c r="A67" s="105"/>
      <c r="B67" s="86"/>
      <c r="C67" s="87"/>
      <c r="D67" s="100" t="s">
        <v>6</v>
      </c>
      <c r="E67" s="101"/>
      <c r="F67" s="58"/>
      <c r="G67" s="58"/>
      <c r="H67" s="58"/>
      <c r="I67" s="58"/>
      <c r="J67" s="58"/>
      <c r="K67" s="58"/>
      <c r="L67" s="58"/>
      <c r="M67" s="58"/>
      <c r="N67" s="58"/>
      <c r="O67" s="20" t="s">
        <v>40</v>
      </c>
      <c r="P67" s="58"/>
      <c r="Q67" s="58"/>
      <c r="R67" s="58"/>
      <c r="S67" s="58"/>
      <c r="T67" s="58"/>
      <c r="U67" s="58"/>
      <c r="V67" s="58"/>
      <c r="W67" s="58"/>
      <c r="X67" s="58"/>
      <c r="Y67" s="58"/>
      <c r="Z67" s="58"/>
      <c r="AA67" s="59"/>
    </row>
    <row r="68" spans="1:27" ht="16.8" customHeight="1" x14ac:dyDescent="0.2">
      <c r="A68" s="105"/>
      <c r="B68" s="86"/>
      <c r="C68" s="87"/>
      <c r="D68" s="100"/>
      <c r="E68" s="101"/>
      <c r="F68" s="58"/>
      <c r="G68" s="58"/>
      <c r="H68" s="58"/>
      <c r="I68" s="58"/>
      <c r="J68" s="58"/>
      <c r="K68" s="58"/>
      <c r="L68" s="58"/>
      <c r="M68" s="58"/>
      <c r="N68" s="58"/>
      <c r="O68" s="61"/>
      <c r="P68" s="72"/>
      <c r="Q68" s="58"/>
      <c r="R68" s="58"/>
      <c r="S68" s="58"/>
      <c r="T68" s="58"/>
      <c r="U68" s="58"/>
      <c r="V68" s="58"/>
      <c r="W68" s="58"/>
      <c r="X68" s="58"/>
      <c r="Y68" s="58"/>
      <c r="Z68" s="58"/>
      <c r="AA68" s="59"/>
    </row>
    <row r="69" spans="1:27" ht="16.8" customHeight="1" x14ac:dyDescent="0.2">
      <c r="A69" s="116"/>
      <c r="B69" s="88"/>
      <c r="C69" s="89"/>
      <c r="D69" s="102"/>
      <c r="E69" s="103"/>
      <c r="F69" s="62"/>
      <c r="G69" s="62"/>
      <c r="H69" s="62"/>
      <c r="I69" s="62"/>
      <c r="J69" s="62"/>
      <c r="K69" s="62"/>
      <c r="L69" s="62"/>
      <c r="M69" s="62"/>
      <c r="N69" s="62"/>
      <c r="O69" s="63"/>
      <c r="P69" s="62"/>
      <c r="Q69" s="62"/>
      <c r="R69" s="62"/>
      <c r="S69" s="62"/>
      <c r="T69" s="62"/>
      <c r="U69" s="62"/>
      <c r="V69" s="62"/>
      <c r="W69" s="62"/>
      <c r="X69" s="62"/>
      <c r="Y69" s="62"/>
      <c r="Z69" s="62"/>
      <c r="AA69" s="60"/>
    </row>
    <row r="70" spans="1:27" ht="16.8" customHeight="1" x14ac:dyDescent="0.2">
      <c r="A70" s="104" t="s">
        <v>35</v>
      </c>
      <c r="B70" s="90"/>
      <c r="C70" s="91"/>
      <c r="D70" s="90" t="s">
        <v>0</v>
      </c>
      <c r="E70" s="91"/>
      <c r="F70" s="76" t="s">
        <v>19</v>
      </c>
      <c r="G70" s="76"/>
      <c r="H70" s="76"/>
      <c r="I70" s="76"/>
      <c r="J70" s="76"/>
      <c r="K70" s="76"/>
      <c r="L70" s="76"/>
      <c r="M70" s="109"/>
      <c r="N70" s="76" t="s">
        <v>4</v>
      </c>
      <c r="O70" s="76"/>
      <c r="P70" s="76"/>
      <c r="Q70" s="76"/>
      <c r="R70" s="76"/>
      <c r="S70" s="76"/>
      <c r="T70" s="109"/>
      <c r="U70" s="76" t="s">
        <v>20</v>
      </c>
      <c r="V70" s="76"/>
      <c r="W70" s="76"/>
      <c r="X70" s="76"/>
      <c r="Y70" s="76"/>
      <c r="Z70" s="76"/>
      <c r="AA70" s="77"/>
    </row>
    <row r="71" spans="1:27" ht="16.8" customHeight="1" x14ac:dyDescent="0.2">
      <c r="A71" s="105"/>
      <c r="B71" s="86"/>
      <c r="C71" s="87"/>
      <c r="D71" s="86"/>
      <c r="E71" s="87"/>
      <c r="F71" s="121"/>
      <c r="G71" s="122"/>
      <c r="H71" s="122"/>
      <c r="I71" s="122"/>
      <c r="J71" s="122"/>
      <c r="K71" s="122"/>
      <c r="L71" s="122"/>
      <c r="M71" s="125"/>
      <c r="N71" s="121"/>
      <c r="O71" s="122"/>
      <c r="P71" s="122"/>
      <c r="Q71" s="122"/>
      <c r="R71" s="122"/>
      <c r="S71" s="122"/>
      <c r="T71" s="125"/>
      <c r="U71" s="112"/>
      <c r="V71" s="113"/>
      <c r="W71" s="113"/>
      <c r="X71" s="113"/>
      <c r="Y71" s="113"/>
      <c r="Z71" s="113"/>
      <c r="AA71" s="127"/>
    </row>
    <row r="72" spans="1:27" ht="16.8" customHeight="1" x14ac:dyDescent="0.2">
      <c r="A72" s="105"/>
      <c r="B72" s="86"/>
      <c r="C72" s="87"/>
      <c r="D72" s="88"/>
      <c r="E72" s="89"/>
      <c r="F72" s="123"/>
      <c r="G72" s="124"/>
      <c r="H72" s="124"/>
      <c r="I72" s="124"/>
      <c r="J72" s="124"/>
      <c r="K72" s="124"/>
      <c r="L72" s="124"/>
      <c r="M72" s="126"/>
      <c r="N72" s="123"/>
      <c r="O72" s="124"/>
      <c r="P72" s="124"/>
      <c r="Q72" s="124"/>
      <c r="R72" s="124"/>
      <c r="S72" s="124"/>
      <c r="T72" s="126"/>
      <c r="U72" s="114"/>
      <c r="V72" s="115"/>
      <c r="W72" s="115"/>
      <c r="X72" s="115"/>
      <c r="Y72" s="115"/>
      <c r="Z72" s="115"/>
      <c r="AA72" s="128"/>
    </row>
    <row r="73" spans="1:27" ht="16.8" customHeight="1" x14ac:dyDescent="0.2">
      <c r="A73" s="105"/>
      <c r="B73" s="86"/>
      <c r="C73" s="87"/>
      <c r="D73" s="86" t="s">
        <v>21</v>
      </c>
      <c r="E73" s="87"/>
      <c r="F73" s="121"/>
      <c r="G73" s="122"/>
      <c r="H73" s="125"/>
      <c r="I73" s="90" t="s">
        <v>22</v>
      </c>
      <c r="J73" s="91"/>
      <c r="K73" s="117"/>
      <c r="L73" s="118"/>
      <c r="M73" s="118"/>
      <c r="N73" s="90" t="s">
        <v>8</v>
      </c>
      <c r="O73" s="117"/>
      <c r="P73" s="118"/>
      <c r="Q73" s="90" t="s">
        <v>9</v>
      </c>
      <c r="R73" s="121"/>
      <c r="S73" s="122"/>
      <c r="T73" s="91" t="s">
        <v>10</v>
      </c>
      <c r="U73" s="90" t="s">
        <v>5</v>
      </c>
      <c r="V73" s="91"/>
      <c r="W73" s="112"/>
      <c r="X73" s="113"/>
      <c r="Y73" s="113"/>
      <c r="Z73" s="7"/>
      <c r="AA73" s="8"/>
    </row>
    <row r="74" spans="1:27" ht="16.8" customHeight="1" x14ac:dyDescent="0.2">
      <c r="A74" s="105"/>
      <c r="B74" s="86"/>
      <c r="C74" s="87"/>
      <c r="D74" s="88"/>
      <c r="E74" s="89"/>
      <c r="F74" s="123"/>
      <c r="G74" s="124"/>
      <c r="H74" s="126"/>
      <c r="I74" s="88"/>
      <c r="J74" s="89"/>
      <c r="K74" s="119"/>
      <c r="L74" s="120"/>
      <c r="M74" s="120"/>
      <c r="N74" s="82"/>
      <c r="O74" s="119"/>
      <c r="P74" s="120"/>
      <c r="Q74" s="82"/>
      <c r="R74" s="123"/>
      <c r="S74" s="124"/>
      <c r="T74" s="83"/>
      <c r="U74" s="88"/>
      <c r="V74" s="89"/>
      <c r="W74" s="114"/>
      <c r="X74" s="115"/>
      <c r="Y74" s="115"/>
      <c r="Z74" s="12" t="s">
        <v>53</v>
      </c>
      <c r="AA74" s="71"/>
    </row>
    <row r="75" spans="1:27" ht="16.8" customHeight="1" x14ac:dyDescent="0.2">
      <c r="A75" s="105"/>
      <c r="B75" s="86"/>
      <c r="C75" s="87"/>
      <c r="D75" s="100" t="s">
        <v>6</v>
      </c>
      <c r="E75" s="101"/>
      <c r="F75" s="58"/>
      <c r="G75" s="58"/>
      <c r="H75" s="58"/>
      <c r="I75" s="58"/>
      <c r="J75" s="58"/>
      <c r="K75" s="58"/>
      <c r="L75" s="58"/>
      <c r="M75" s="58"/>
      <c r="N75" s="58"/>
      <c r="O75" s="20" t="s">
        <v>39</v>
      </c>
      <c r="P75" s="58"/>
      <c r="Q75" s="58"/>
      <c r="R75" s="58"/>
      <c r="S75" s="58"/>
      <c r="T75" s="58"/>
      <c r="U75" s="58"/>
      <c r="V75" s="58"/>
      <c r="W75" s="58"/>
      <c r="X75" s="58"/>
      <c r="Y75" s="58"/>
      <c r="Z75" s="58"/>
      <c r="AA75" s="59"/>
    </row>
    <row r="76" spans="1:27" ht="16.8" customHeight="1" x14ac:dyDescent="0.2">
      <c r="A76" s="105"/>
      <c r="B76" s="86"/>
      <c r="C76" s="87"/>
      <c r="D76" s="100"/>
      <c r="E76" s="101"/>
      <c r="F76" s="58"/>
      <c r="G76" s="58"/>
      <c r="H76" s="58"/>
      <c r="I76" s="58"/>
      <c r="J76" s="58"/>
      <c r="K76" s="58"/>
      <c r="L76" s="58"/>
      <c r="M76" s="58"/>
      <c r="N76" s="58"/>
      <c r="O76" s="61"/>
      <c r="P76" s="72"/>
      <c r="Q76" s="58"/>
      <c r="R76" s="58"/>
      <c r="S76" s="58"/>
      <c r="T76" s="58"/>
      <c r="U76" s="58"/>
      <c r="V76" s="58"/>
      <c r="W76" s="58"/>
      <c r="X76" s="58"/>
      <c r="Y76" s="58"/>
      <c r="Z76" s="58"/>
      <c r="AA76" s="59"/>
    </row>
    <row r="77" spans="1:27" ht="16.8" customHeight="1" x14ac:dyDescent="0.2">
      <c r="A77" s="116"/>
      <c r="B77" s="88"/>
      <c r="C77" s="89"/>
      <c r="D77" s="102"/>
      <c r="E77" s="103"/>
      <c r="F77" s="62"/>
      <c r="G77" s="62"/>
      <c r="H77" s="62"/>
      <c r="I77" s="62"/>
      <c r="J77" s="62"/>
      <c r="K77" s="62"/>
      <c r="L77" s="62"/>
      <c r="M77" s="62"/>
      <c r="N77" s="62"/>
      <c r="O77" s="63"/>
      <c r="P77" s="62"/>
      <c r="Q77" s="62"/>
      <c r="R77" s="62"/>
      <c r="S77" s="62"/>
      <c r="T77" s="62"/>
      <c r="U77" s="62"/>
      <c r="V77" s="62"/>
      <c r="W77" s="62"/>
      <c r="X77" s="62"/>
      <c r="Y77" s="62"/>
      <c r="Z77" s="62"/>
      <c r="AA77" s="60"/>
    </row>
    <row r="78" spans="1:27" ht="16.8" customHeight="1" x14ac:dyDescent="0.2">
      <c r="A78" s="104" t="s">
        <v>35</v>
      </c>
      <c r="B78" s="90"/>
      <c r="C78" s="91"/>
      <c r="D78" s="90" t="s">
        <v>0</v>
      </c>
      <c r="E78" s="91"/>
      <c r="F78" s="76" t="s">
        <v>19</v>
      </c>
      <c r="G78" s="76"/>
      <c r="H78" s="76"/>
      <c r="I78" s="76"/>
      <c r="J78" s="76"/>
      <c r="K78" s="76"/>
      <c r="L78" s="76"/>
      <c r="M78" s="109"/>
      <c r="N78" s="76" t="s">
        <v>4</v>
      </c>
      <c r="O78" s="76"/>
      <c r="P78" s="76"/>
      <c r="Q78" s="76"/>
      <c r="R78" s="76"/>
      <c r="S78" s="76"/>
      <c r="T78" s="109"/>
      <c r="U78" s="76" t="s">
        <v>20</v>
      </c>
      <c r="V78" s="76"/>
      <c r="W78" s="76"/>
      <c r="X78" s="76"/>
      <c r="Y78" s="76"/>
      <c r="Z78" s="76"/>
      <c r="AA78" s="77"/>
    </row>
    <row r="79" spans="1:27" ht="16.8" customHeight="1" x14ac:dyDescent="0.2">
      <c r="A79" s="105"/>
      <c r="B79" s="86"/>
      <c r="C79" s="87"/>
      <c r="D79" s="86"/>
      <c r="E79" s="87"/>
      <c r="F79" s="121"/>
      <c r="G79" s="122"/>
      <c r="H79" s="122"/>
      <c r="I79" s="122"/>
      <c r="J79" s="122"/>
      <c r="K79" s="122"/>
      <c r="L79" s="122"/>
      <c r="M79" s="125"/>
      <c r="N79" s="121"/>
      <c r="O79" s="122"/>
      <c r="P79" s="122"/>
      <c r="Q79" s="122"/>
      <c r="R79" s="122"/>
      <c r="S79" s="122"/>
      <c r="T79" s="125"/>
      <c r="U79" s="112"/>
      <c r="V79" s="113"/>
      <c r="W79" s="113"/>
      <c r="X79" s="113"/>
      <c r="Y79" s="113"/>
      <c r="Z79" s="113"/>
      <c r="AA79" s="127"/>
    </row>
    <row r="80" spans="1:27" ht="16.8" customHeight="1" x14ac:dyDescent="0.2">
      <c r="A80" s="105"/>
      <c r="B80" s="86"/>
      <c r="C80" s="87"/>
      <c r="D80" s="88"/>
      <c r="E80" s="89"/>
      <c r="F80" s="123"/>
      <c r="G80" s="124"/>
      <c r="H80" s="124"/>
      <c r="I80" s="124"/>
      <c r="J80" s="124"/>
      <c r="K80" s="124"/>
      <c r="L80" s="124"/>
      <c r="M80" s="126"/>
      <c r="N80" s="123"/>
      <c r="O80" s="124"/>
      <c r="P80" s="124"/>
      <c r="Q80" s="124"/>
      <c r="R80" s="124"/>
      <c r="S80" s="124"/>
      <c r="T80" s="126"/>
      <c r="U80" s="114"/>
      <c r="V80" s="115"/>
      <c r="W80" s="115"/>
      <c r="X80" s="115"/>
      <c r="Y80" s="115"/>
      <c r="Z80" s="115"/>
      <c r="AA80" s="128"/>
    </row>
    <row r="81" spans="1:27" ht="16.8" customHeight="1" x14ac:dyDescent="0.2">
      <c r="A81" s="105"/>
      <c r="B81" s="86"/>
      <c r="C81" s="87"/>
      <c r="D81" s="86" t="s">
        <v>21</v>
      </c>
      <c r="E81" s="87"/>
      <c r="F81" s="121"/>
      <c r="G81" s="122"/>
      <c r="H81" s="125"/>
      <c r="I81" s="90" t="s">
        <v>22</v>
      </c>
      <c r="J81" s="91"/>
      <c r="K81" s="117"/>
      <c r="L81" s="118"/>
      <c r="M81" s="118"/>
      <c r="N81" s="90" t="s">
        <v>8</v>
      </c>
      <c r="O81" s="117"/>
      <c r="P81" s="118"/>
      <c r="Q81" s="90" t="s">
        <v>9</v>
      </c>
      <c r="R81" s="121"/>
      <c r="S81" s="122"/>
      <c r="T81" s="91" t="s">
        <v>10</v>
      </c>
      <c r="U81" s="90" t="s">
        <v>5</v>
      </c>
      <c r="V81" s="91"/>
      <c r="W81" s="112"/>
      <c r="X81" s="113"/>
      <c r="Y81" s="113"/>
      <c r="Z81" s="7"/>
      <c r="AA81" s="8"/>
    </row>
    <row r="82" spans="1:27" ht="16.8" customHeight="1" x14ac:dyDescent="0.2">
      <c r="A82" s="105"/>
      <c r="B82" s="86"/>
      <c r="C82" s="87"/>
      <c r="D82" s="88"/>
      <c r="E82" s="89"/>
      <c r="F82" s="123"/>
      <c r="G82" s="124"/>
      <c r="H82" s="126"/>
      <c r="I82" s="88"/>
      <c r="J82" s="89"/>
      <c r="K82" s="119"/>
      <c r="L82" s="120"/>
      <c r="M82" s="120"/>
      <c r="N82" s="82"/>
      <c r="O82" s="119"/>
      <c r="P82" s="120"/>
      <c r="Q82" s="82"/>
      <c r="R82" s="123"/>
      <c r="S82" s="124"/>
      <c r="T82" s="83"/>
      <c r="U82" s="88"/>
      <c r="V82" s="89"/>
      <c r="W82" s="114"/>
      <c r="X82" s="115"/>
      <c r="Y82" s="115"/>
      <c r="Z82" s="12" t="s">
        <v>51</v>
      </c>
      <c r="AA82" s="71"/>
    </row>
    <row r="83" spans="1:27" ht="16.8" customHeight="1" x14ac:dyDescent="0.2">
      <c r="A83" s="105"/>
      <c r="B83" s="86"/>
      <c r="C83" s="87"/>
      <c r="D83" s="100" t="s">
        <v>6</v>
      </c>
      <c r="E83" s="101"/>
      <c r="F83" s="58"/>
      <c r="G83" s="58"/>
      <c r="H83" s="58"/>
      <c r="I83" s="58"/>
      <c r="J83" s="58"/>
      <c r="K83" s="58"/>
      <c r="L83" s="58"/>
      <c r="M83" s="58"/>
      <c r="N83" s="58"/>
      <c r="O83" s="20" t="s">
        <v>40</v>
      </c>
      <c r="P83" s="58"/>
      <c r="Q83" s="58"/>
      <c r="R83" s="58"/>
      <c r="S83" s="58"/>
      <c r="T83" s="58"/>
      <c r="U83" s="58"/>
      <c r="V83" s="58"/>
      <c r="W83" s="58"/>
      <c r="X83" s="58"/>
      <c r="Y83" s="58"/>
      <c r="Z83" s="58"/>
      <c r="AA83" s="59"/>
    </row>
    <row r="84" spans="1:27" ht="16.8" customHeight="1" x14ac:dyDescent="0.2">
      <c r="A84" s="105"/>
      <c r="B84" s="86"/>
      <c r="C84" s="87"/>
      <c r="D84" s="100"/>
      <c r="E84" s="101"/>
      <c r="F84" s="58"/>
      <c r="G84" s="58"/>
      <c r="H84" s="58"/>
      <c r="I84" s="58"/>
      <c r="J84" s="58"/>
      <c r="K84" s="58"/>
      <c r="L84" s="58"/>
      <c r="M84" s="58"/>
      <c r="N84" s="58"/>
      <c r="O84" s="61"/>
      <c r="P84" s="72"/>
      <c r="Q84" s="58"/>
      <c r="R84" s="58"/>
      <c r="S84" s="58"/>
      <c r="T84" s="58"/>
      <c r="U84" s="58"/>
      <c r="V84" s="58"/>
      <c r="W84" s="58"/>
      <c r="X84" s="58"/>
      <c r="Y84" s="58"/>
      <c r="Z84" s="58"/>
      <c r="AA84" s="59"/>
    </row>
    <row r="85" spans="1:27" ht="16.8" customHeight="1" x14ac:dyDescent="0.2">
      <c r="A85" s="116"/>
      <c r="B85" s="88"/>
      <c r="C85" s="89"/>
      <c r="D85" s="102"/>
      <c r="E85" s="103"/>
      <c r="F85" s="62"/>
      <c r="G85" s="62"/>
      <c r="H85" s="62"/>
      <c r="I85" s="62"/>
      <c r="J85" s="62"/>
      <c r="K85" s="62"/>
      <c r="L85" s="62"/>
      <c r="M85" s="62"/>
      <c r="N85" s="62"/>
      <c r="O85" s="63"/>
      <c r="P85" s="62"/>
      <c r="Q85" s="62"/>
      <c r="R85" s="62"/>
      <c r="S85" s="62"/>
      <c r="T85" s="62"/>
      <c r="U85" s="62"/>
      <c r="V85" s="62"/>
      <c r="W85" s="62"/>
      <c r="X85" s="62"/>
      <c r="Y85" s="62"/>
      <c r="Z85" s="62"/>
      <c r="AA85" s="60"/>
    </row>
    <row r="86" spans="1:27" ht="16.8" customHeight="1" x14ac:dyDescent="0.2">
      <c r="A86" s="104" t="s">
        <v>35</v>
      </c>
      <c r="B86" s="90"/>
      <c r="C86" s="91"/>
      <c r="D86" s="90" t="s">
        <v>0</v>
      </c>
      <c r="E86" s="91"/>
      <c r="F86" s="76" t="s">
        <v>19</v>
      </c>
      <c r="G86" s="76"/>
      <c r="H86" s="76"/>
      <c r="I86" s="76"/>
      <c r="J86" s="76"/>
      <c r="K86" s="76"/>
      <c r="L86" s="76"/>
      <c r="M86" s="109"/>
      <c r="N86" s="76" t="s">
        <v>4</v>
      </c>
      <c r="O86" s="76"/>
      <c r="P86" s="76"/>
      <c r="Q86" s="76"/>
      <c r="R86" s="76"/>
      <c r="S86" s="76"/>
      <c r="T86" s="109"/>
      <c r="U86" s="76" t="s">
        <v>20</v>
      </c>
      <c r="V86" s="76"/>
      <c r="W86" s="76"/>
      <c r="X86" s="76"/>
      <c r="Y86" s="76"/>
      <c r="Z86" s="76"/>
      <c r="AA86" s="77"/>
    </row>
    <row r="87" spans="1:27" ht="16.8" customHeight="1" x14ac:dyDescent="0.2">
      <c r="A87" s="105"/>
      <c r="B87" s="86"/>
      <c r="C87" s="87"/>
      <c r="D87" s="86"/>
      <c r="E87" s="87"/>
      <c r="F87" s="78"/>
      <c r="G87" s="79"/>
      <c r="H87" s="79"/>
      <c r="I87" s="79"/>
      <c r="J87" s="79"/>
      <c r="K87" s="79"/>
      <c r="L87" s="79"/>
      <c r="M87" s="80"/>
      <c r="N87" s="78"/>
      <c r="O87" s="79"/>
      <c r="P87" s="79"/>
      <c r="Q87" s="79"/>
      <c r="R87" s="79"/>
      <c r="S87" s="79"/>
      <c r="T87" s="80"/>
      <c r="U87" s="78"/>
      <c r="V87" s="79"/>
      <c r="W87" s="79"/>
      <c r="X87" s="79"/>
      <c r="Y87" s="79"/>
      <c r="Z87" s="79"/>
      <c r="AA87" s="84"/>
    </row>
    <row r="88" spans="1:27" ht="16.8" customHeight="1" x14ac:dyDescent="0.2">
      <c r="A88" s="105"/>
      <c r="B88" s="86"/>
      <c r="C88" s="87"/>
      <c r="D88" s="88"/>
      <c r="E88" s="89"/>
      <c r="F88" s="81"/>
      <c r="G88" s="82"/>
      <c r="H88" s="82"/>
      <c r="I88" s="82"/>
      <c r="J88" s="82"/>
      <c r="K88" s="82"/>
      <c r="L88" s="82"/>
      <c r="M88" s="83"/>
      <c r="N88" s="81"/>
      <c r="O88" s="82"/>
      <c r="P88" s="82"/>
      <c r="Q88" s="82"/>
      <c r="R88" s="82"/>
      <c r="S88" s="82"/>
      <c r="T88" s="83"/>
      <c r="U88" s="81"/>
      <c r="V88" s="82"/>
      <c r="W88" s="82"/>
      <c r="X88" s="82"/>
      <c r="Y88" s="82"/>
      <c r="Z88" s="82"/>
      <c r="AA88" s="85"/>
    </row>
    <row r="89" spans="1:27" ht="16.8" customHeight="1" x14ac:dyDescent="0.2">
      <c r="A89" s="105"/>
      <c r="B89" s="86"/>
      <c r="C89" s="87"/>
      <c r="D89" s="86" t="s">
        <v>21</v>
      </c>
      <c r="E89" s="87"/>
      <c r="F89" s="78"/>
      <c r="G89" s="79"/>
      <c r="H89" s="80"/>
      <c r="I89" s="90" t="s">
        <v>22</v>
      </c>
      <c r="J89" s="91"/>
      <c r="K89" s="92"/>
      <c r="L89" s="93"/>
      <c r="M89" s="93"/>
      <c r="N89" s="90" t="s">
        <v>8</v>
      </c>
      <c r="O89" s="96"/>
      <c r="P89" s="97"/>
      <c r="Q89" s="90" t="s">
        <v>9</v>
      </c>
      <c r="R89" s="99"/>
      <c r="S89" s="93"/>
      <c r="T89" s="91" t="s">
        <v>10</v>
      </c>
      <c r="U89" s="90" t="s">
        <v>5</v>
      </c>
      <c r="V89" s="91"/>
      <c r="W89" s="92"/>
      <c r="X89" s="93"/>
      <c r="Y89" s="93"/>
      <c r="Z89" s="7"/>
      <c r="AA89" s="8"/>
    </row>
    <row r="90" spans="1:27" ht="16.8" customHeight="1" x14ac:dyDescent="0.2">
      <c r="A90" s="105"/>
      <c r="B90" s="86"/>
      <c r="C90" s="87"/>
      <c r="D90" s="88"/>
      <c r="E90" s="89"/>
      <c r="F90" s="81"/>
      <c r="G90" s="82"/>
      <c r="H90" s="83"/>
      <c r="I90" s="88"/>
      <c r="J90" s="89"/>
      <c r="K90" s="94"/>
      <c r="L90" s="95"/>
      <c r="M90" s="95"/>
      <c r="N90" s="82"/>
      <c r="O90" s="98"/>
      <c r="P90" s="98"/>
      <c r="Q90" s="82"/>
      <c r="R90" s="95"/>
      <c r="S90" s="95"/>
      <c r="T90" s="83"/>
      <c r="U90" s="88"/>
      <c r="V90" s="89"/>
      <c r="W90" s="94"/>
      <c r="X90" s="95"/>
      <c r="Y90" s="95"/>
      <c r="Z90" s="12" t="s">
        <v>53</v>
      </c>
      <c r="AA90" s="71"/>
    </row>
    <row r="91" spans="1:27" ht="16.8" customHeight="1" x14ac:dyDescent="0.2">
      <c r="A91" s="105"/>
      <c r="B91" s="86"/>
      <c r="C91" s="87"/>
      <c r="D91" s="100" t="s">
        <v>6</v>
      </c>
      <c r="E91" s="101"/>
      <c r="F91" s="58"/>
      <c r="G91" s="58"/>
      <c r="H91" s="58"/>
      <c r="I91" s="58"/>
      <c r="J91" s="58"/>
      <c r="K91" s="58"/>
      <c r="L91" s="58"/>
      <c r="M91" s="58"/>
      <c r="N91" s="58"/>
      <c r="O91" s="20" t="s">
        <v>40</v>
      </c>
      <c r="P91" s="58"/>
      <c r="Q91" s="58"/>
      <c r="R91" s="58"/>
      <c r="S91" s="58"/>
      <c r="T91" s="58"/>
      <c r="U91" s="58"/>
      <c r="V91" s="58"/>
      <c r="W91" s="58"/>
      <c r="X91" s="58"/>
      <c r="Y91" s="58"/>
      <c r="Z91" s="58"/>
      <c r="AA91" s="59"/>
    </row>
    <row r="92" spans="1:27" ht="16.8" customHeight="1" x14ac:dyDescent="0.2">
      <c r="A92" s="105"/>
      <c r="B92" s="86"/>
      <c r="C92" s="87"/>
      <c r="D92" s="100"/>
      <c r="E92" s="101"/>
      <c r="F92" s="58"/>
      <c r="G92" s="58"/>
      <c r="H92" s="58"/>
      <c r="I92" s="58"/>
      <c r="J92" s="58"/>
      <c r="K92" s="58"/>
      <c r="L92" s="58"/>
      <c r="M92" s="58"/>
      <c r="N92" s="58"/>
      <c r="O92" s="61"/>
      <c r="P92" s="72"/>
      <c r="Q92" s="58"/>
      <c r="R92" s="58"/>
      <c r="S92" s="58"/>
      <c r="T92" s="58"/>
      <c r="U92" s="58"/>
      <c r="V92" s="58"/>
      <c r="W92" s="58"/>
      <c r="X92" s="58"/>
      <c r="Y92" s="58"/>
      <c r="Z92" s="58"/>
      <c r="AA92" s="59"/>
    </row>
    <row r="93" spans="1:27" ht="16.8" customHeight="1" x14ac:dyDescent="0.2">
      <c r="A93" s="116"/>
      <c r="B93" s="88"/>
      <c r="C93" s="89"/>
      <c r="D93" s="102"/>
      <c r="E93" s="103"/>
      <c r="F93" s="62"/>
      <c r="G93" s="62"/>
      <c r="H93" s="62"/>
      <c r="I93" s="62"/>
      <c r="J93" s="62"/>
      <c r="K93" s="62"/>
      <c r="L93" s="62"/>
      <c r="M93" s="62"/>
      <c r="N93" s="62"/>
      <c r="O93" s="63"/>
      <c r="P93" s="62"/>
      <c r="Q93" s="62"/>
      <c r="R93" s="62"/>
      <c r="S93" s="62"/>
      <c r="T93" s="62"/>
      <c r="U93" s="62"/>
      <c r="V93" s="62"/>
      <c r="W93" s="62"/>
      <c r="X93" s="62"/>
      <c r="Y93" s="62"/>
      <c r="Z93" s="62"/>
      <c r="AA93" s="60"/>
    </row>
    <row r="94" spans="1:27" ht="16.8" customHeight="1" x14ac:dyDescent="0.2">
      <c r="A94" s="104" t="s">
        <v>35</v>
      </c>
      <c r="B94" s="90"/>
      <c r="C94" s="91"/>
      <c r="D94" s="90" t="s">
        <v>0</v>
      </c>
      <c r="E94" s="91"/>
      <c r="F94" s="76" t="s">
        <v>19</v>
      </c>
      <c r="G94" s="76"/>
      <c r="H94" s="76"/>
      <c r="I94" s="76"/>
      <c r="J94" s="76"/>
      <c r="K94" s="76"/>
      <c r="L94" s="76"/>
      <c r="M94" s="109"/>
      <c r="N94" s="76" t="s">
        <v>4</v>
      </c>
      <c r="O94" s="76"/>
      <c r="P94" s="76"/>
      <c r="Q94" s="76"/>
      <c r="R94" s="76"/>
      <c r="S94" s="76"/>
      <c r="T94" s="109"/>
      <c r="U94" s="76" t="s">
        <v>20</v>
      </c>
      <c r="V94" s="76"/>
      <c r="W94" s="76"/>
      <c r="X94" s="76"/>
      <c r="Y94" s="76"/>
      <c r="Z94" s="76"/>
      <c r="AA94" s="77"/>
    </row>
    <row r="95" spans="1:27" ht="16.8" customHeight="1" x14ac:dyDescent="0.2">
      <c r="A95" s="105"/>
      <c r="B95" s="86"/>
      <c r="C95" s="87"/>
      <c r="D95" s="86"/>
      <c r="E95" s="87"/>
      <c r="F95" s="78"/>
      <c r="G95" s="79"/>
      <c r="H95" s="79"/>
      <c r="I95" s="79"/>
      <c r="J95" s="79"/>
      <c r="K95" s="79"/>
      <c r="L95" s="79"/>
      <c r="M95" s="80"/>
      <c r="N95" s="78"/>
      <c r="O95" s="79"/>
      <c r="P95" s="79"/>
      <c r="Q95" s="79"/>
      <c r="R95" s="79"/>
      <c r="S95" s="79"/>
      <c r="T95" s="80"/>
      <c r="U95" s="78"/>
      <c r="V95" s="79"/>
      <c r="W95" s="79"/>
      <c r="X95" s="79"/>
      <c r="Y95" s="79"/>
      <c r="Z95" s="79"/>
      <c r="AA95" s="84"/>
    </row>
    <row r="96" spans="1:27" ht="16.8" customHeight="1" x14ac:dyDescent="0.2">
      <c r="A96" s="105"/>
      <c r="B96" s="86"/>
      <c r="C96" s="87"/>
      <c r="D96" s="88"/>
      <c r="E96" s="89"/>
      <c r="F96" s="81"/>
      <c r="G96" s="82"/>
      <c r="H96" s="82"/>
      <c r="I96" s="82"/>
      <c r="J96" s="82"/>
      <c r="K96" s="82"/>
      <c r="L96" s="82"/>
      <c r="M96" s="83"/>
      <c r="N96" s="81"/>
      <c r="O96" s="82"/>
      <c r="P96" s="82"/>
      <c r="Q96" s="82"/>
      <c r="R96" s="82"/>
      <c r="S96" s="82"/>
      <c r="T96" s="83"/>
      <c r="U96" s="81"/>
      <c r="V96" s="82"/>
      <c r="W96" s="82"/>
      <c r="X96" s="82"/>
      <c r="Y96" s="82"/>
      <c r="Z96" s="82"/>
      <c r="AA96" s="85"/>
    </row>
    <row r="97" spans="1:27" ht="16.8" customHeight="1" x14ac:dyDescent="0.2">
      <c r="A97" s="105"/>
      <c r="B97" s="86"/>
      <c r="C97" s="87"/>
      <c r="D97" s="86" t="s">
        <v>21</v>
      </c>
      <c r="E97" s="87"/>
      <c r="F97" s="78"/>
      <c r="G97" s="79"/>
      <c r="H97" s="80"/>
      <c r="I97" s="90" t="s">
        <v>22</v>
      </c>
      <c r="J97" s="91"/>
      <c r="K97" s="92"/>
      <c r="L97" s="93"/>
      <c r="M97" s="93"/>
      <c r="N97" s="90" t="s">
        <v>8</v>
      </c>
      <c r="O97" s="96"/>
      <c r="P97" s="97"/>
      <c r="Q97" s="90" t="s">
        <v>9</v>
      </c>
      <c r="R97" s="99"/>
      <c r="S97" s="93"/>
      <c r="T97" s="91" t="s">
        <v>10</v>
      </c>
      <c r="U97" s="90" t="s">
        <v>5</v>
      </c>
      <c r="V97" s="91"/>
      <c r="W97" s="92"/>
      <c r="X97" s="93"/>
      <c r="Y97" s="93"/>
      <c r="Z97" s="7"/>
      <c r="AA97" s="8"/>
    </row>
    <row r="98" spans="1:27" ht="16.8" customHeight="1" x14ac:dyDescent="0.2">
      <c r="A98" s="105"/>
      <c r="B98" s="86"/>
      <c r="C98" s="87"/>
      <c r="D98" s="88"/>
      <c r="E98" s="89"/>
      <c r="F98" s="81"/>
      <c r="G98" s="82"/>
      <c r="H98" s="83"/>
      <c r="I98" s="88"/>
      <c r="J98" s="89"/>
      <c r="K98" s="94"/>
      <c r="L98" s="95"/>
      <c r="M98" s="95"/>
      <c r="N98" s="82"/>
      <c r="O98" s="98"/>
      <c r="P98" s="98"/>
      <c r="Q98" s="82"/>
      <c r="R98" s="95"/>
      <c r="S98" s="95"/>
      <c r="T98" s="83"/>
      <c r="U98" s="88"/>
      <c r="V98" s="89"/>
      <c r="W98" s="94"/>
      <c r="X98" s="95"/>
      <c r="Y98" s="95"/>
      <c r="Z98" s="12" t="s">
        <v>51</v>
      </c>
      <c r="AA98" s="71"/>
    </row>
    <row r="99" spans="1:27" ht="16.8" customHeight="1" x14ac:dyDescent="0.2">
      <c r="A99" s="105"/>
      <c r="B99" s="86"/>
      <c r="C99" s="87"/>
      <c r="D99" s="100" t="s">
        <v>6</v>
      </c>
      <c r="E99" s="101"/>
      <c r="F99" s="58"/>
      <c r="G99" s="58"/>
      <c r="H99" s="58"/>
      <c r="I99" s="58"/>
      <c r="J99" s="58"/>
      <c r="K99" s="58"/>
      <c r="L99" s="58"/>
      <c r="M99" s="58"/>
      <c r="N99" s="58"/>
      <c r="O99" s="20" t="s">
        <v>40</v>
      </c>
      <c r="P99" s="58"/>
      <c r="Q99" s="58"/>
      <c r="R99" s="58"/>
      <c r="S99" s="58"/>
      <c r="T99" s="58"/>
      <c r="U99" s="58"/>
      <c r="V99" s="58"/>
      <c r="W99" s="58"/>
      <c r="X99" s="58"/>
      <c r="Y99" s="58"/>
      <c r="Z99" s="58"/>
      <c r="AA99" s="59"/>
    </row>
    <row r="100" spans="1:27" ht="16.8" customHeight="1" x14ac:dyDescent="0.2">
      <c r="A100" s="105"/>
      <c r="B100" s="86"/>
      <c r="C100" s="87"/>
      <c r="D100" s="100"/>
      <c r="E100" s="101"/>
      <c r="F100" s="58"/>
      <c r="G100" s="58"/>
      <c r="H100" s="58"/>
      <c r="I100" s="58"/>
      <c r="J100" s="58"/>
      <c r="K100" s="58"/>
      <c r="L100" s="58"/>
      <c r="M100" s="58"/>
      <c r="N100" s="58"/>
      <c r="O100" s="61"/>
      <c r="P100" s="72"/>
      <c r="Q100" s="58"/>
      <c r="R100" s="58"/>
      <c r="S100" s="58"/>
      <c r="T100" s="58"/>
      <c r="U100" s="58"/>
      <c r="V100" s="58"/>
      <c r="W100" s="58"/>
      <c r="X100" s="58"/>
      <c r="Y100" s="58"/>
      <c r="Z100" s="58"/>
      <c r="AA100" s="59"/>
    </row>
    <row r="101" spans="1:27" ht="16.8" customHeight="1" x14ac:dyDescent="0.2">
      <c r="A101" s="106"/>
      <c r="B101" s="107"/>
      <c r="C101" s="108"/>
      <c r="D101" s="110"/>
      <c r="E101" s="111"/>
      <c r="F101" s="73"/>
      <c r="G101" s="73"/>
      <c r="H101" s="73"/>
      <c r="I101" s="73"/>
      <c r="J101" s="73"/>
      <c r="K101" s="73"/>
      <c r="L101" s="73"/>
      <c r="M101" s="73"/>
      <c r="N101" s="73"/>
      <c r="O101" s="74"/>
      <c r="P101" s="73"/>
      <c r="Q101" s="73"/>
      <c r="R101" s="73"/>
      <c r="S101" s="73"/>
      <c r="T101" s="73"/>
      <c r="U101" s="73"/>
      <c r="V101" s="73"/>
      <c r="W101" s="73"/>
      <c r="X101" s="73"/>
      <c r="Y101" s="73"/>
      <c r="Z101" s="73"/>
      <c r="AA101" s="75"/>
    </row>
    <row r="102" spans="1:27" ht="16.8" customHeight="1" x14ac:dyDescent="0.2"/>
    <row r="103" spans="1:27" ht="16.8" customHeight="1" x14ac:dyDescent="0.2"/>
    <row r="104" spans="1:27" ht="16.8" customHeight="1" x14ac:dyDescent="0.2"/>
    <row r="105" spans="1:27" ht="16.8" customHeight="1" x14ac:dyDescent="0.2"/>
    <row r="106" spans="1:27" ht="16.8" customHeight="1" x14ac:dyDescent="0.2"/>
    <row r="107" spans="1:27" ht="16.8" customHeight="1" x14ac:dyDescent="0.2"/>
    <row r="108" spans="1:27" ht="16.8" customHeight="1" x14ac:dyDescent="0.2"/>
    <row r="109" spans="1:27" ht="16.8" customHeight="1" x14ac:dyDescent="0.2"/>
    <row r="110" spans="1:27" ht="16.8" customHeight="1" x14ac:dyDescent="0.2"/>
    <row r="111" spans="1:27" ht="16.8" customHeight="1" x14ac:dyDescent="0.2"/>
    <row r="112" spans="1:27" ht="16.8" customHeight="1" x14ac:dyDescent="0.2"/>
    <row r="113" ht="16.8" customHeight="1" x14ac:dyDescent="0.2"/>
    <row r="114" ht="16.8" customHeight="1" x14ac:dyDescent="0.2"/>
    <row r="115" ht="16.8" customHeight="1" x14ac:dyDescent="0.2"/>
  </sheetData>
  <mergeCells count="168">
    <mergeCell ref="V49:Y49"/>
    <mergeCell ref="P49:R49"/>
    <mergeCell ref="S49:U49"/>
    <mergeCell ref="Y10:Y11"/>
    <mergeCell ref="R21:T22"/>
    <mergeCell ref="O21:Q22"/>
    <mergeCell ref="R32:S32"/>
    <mergeCell ref="R38:S38"/>
    <mergeCell ref="R12:Z12"/>
    <mergeCell ref="A5:AA5"/>
    <mergeCell ref="F18:M18"/>
    <mergeCell ref="N18:T18"/>
    <mergeCell ref="U18:AA18"/>
    <mergeCell ref="A18:C25"/>
    <mergeCell ref="D18:E20"/>
    <mergeCell ref="L10:M10"/>
    <mergeCell ref="N8:Q9"/>
    <mergeCell ref="N12:Q12"/>
    <mergeCell ref="N10:Q11"/>
    <mergeCell ref="E31:F31"/>
    <mergeCell ref="E32:F32"/>
    <mergeCell ref="A26:C27"/>
    <mergeCell ref="D26:P27"/>
    <mergeCell ref="D23:E25"/>
    <mergeCell ref="U21:V22"/>
    <mergeCell ref="I21:J22"/>
    <mergeCell ref="D21:E22"/>
    <mergeCell ref="K21:N22"/>
    <mergeCell ref="Q26:R27"/>
    <mergeCell ref="M53:N53"/>
    <mergeCell ref="A54:C61"/>
    <mergeCell ref="D54:E56"/>
    <mergeCell ref="F54:M54"/>
    <mergeCell ref="N54:T54"/>
    <mergeCell ref="D59:E61"/>
    <mergeCell ref="M52:N52"/>
    <mergeCell ref="E33:F33"/>
    <mergeCell ref="E34:F34"/>
    <mergeCell ref="E35:F35"/>
    <mergeCell ref="M51:N51"/>
    <mergeCell ref="E36:F36"/>
    <mergeCell ref="E37:F37"/>
    <mergeCell ref="E38:F38"/>
    <mergeCell ref="E39:F39"/>
    <mergeCell ref="D43:E45"/>
    <mergeCell ref="A28:C39"/>
    <mergeCell ref="A40:C45"/>
    <mergeCell ref="D28:D33"/>
    <mergeCell ref="D34:D39"/>
    <mergeCell ref="D40:E42"/>
    <mergeCell ref="E28:F28"/>
    <mergeCell ref="E29:F29"/>
    <mergeCell ref="E30:F30"/>
    <mergeCell ref="D65:E66"/>
    <mergeCell ref="F65:H66"/>
    <mergeCell ref="I65:J66"/>
    <mergeCell ref="K65:M66"/>
    <mergeCell ref="N65:N66"/>
    <mergeCell ref="O65:P66"/>
    <mergeCell ref="Q65:Q66"/>
    <mergeCell ref="R65:S66"/>
    <mergeCell ref="U54:AA54"/>
    <mergeCell ref="F55:M56"/>
    <mergeCell ref="N55:T56"/>
    <mergeCell ref="U55:AA56"/>
    <mergeCell ref="D57:E58"/>
    <mergeCell ref="F57:H58"/>
    <mergeCell ref="I57:J58"/>
    <mergeCell ref="K57:M58"/>
    <mergeCell ref="N57:N58"/>
    <mergeCell ref="O57:P58"/>
    <mergeCell ref="Q57:Q58"/>
    <mergeCell ref="R57:S58"/>
    <mergeCell ref="T57:T58"/>
    <mergeCell ref="U57:V58"/>
    <mergeCell ref="W57:Y58"/>
    <mergeCell ref="T65:T66"/>
    <mergeCell ref="U65:V66"/>
    <mergeCell ref="W65:Y66"/>
    <mergeCell ref="D67:E69"/>
    <mergeCell ref="A70:C77"/>
    <mergeCell ref="D70:E72"/>
    <mergeCell ref="F70:M70"/>
    <mergeCell ref="N70:T70"/>
    <mergeCell ref="U70:AA70"/>
    <mergeCell ref="F71:M72"/>
    <mergeCell ref="N71:T72"/>
    <mergeCell ref="U71:AA72"/>
    <mergeCell ref="D73:E74"/>
    <mergeCell ref="F73:H74"/>
    <mergeCell ref="I73:J74"/>
    <mergeCell ref="K73:M74"/>
    <mergeCell ref="A62:C69"/>
    <mergeCell ref="D62:E64"/>
    <mergeCell ref="F62:M62"/>
    <mergeCell ref="N62:T62"/>
    <mergeCell ref="U62:AA62"/>
    <mergeCell ref="F63:M64"/>
    <mergeCell ref="N63:T64"/>
    <mergeCell ref="U63:AA64"/>
    <mergeCell ref="U73:V74"/>
    <mergeCell ref="W73:Y74"/>
    <mergeCell ref="D75:E77"/>
    <mergeCell ref="A78:C85"/>
    <mergeCell ref="D78:E80"/>
    <mergeCell ref="F78:M78"/>
    <mergeCell ref="N78:T78"/>
    <mergeCell ref="U78:AA78"/>
    <mergeCell ref="F79:M80"/>
    <mergeCell ref="N79:T80"/>
    <mergeCell ref="U79:AA80"/>
    <mergeCell ref="D81:E82"/>
    <mergeCell ref="F81:H82"/>
    <mergeCell ref="I81:J82"/>
    <mergeCell ref="K81:M82"/>
    <mergeCell ref="N81:N82"/>
    <mergeCell ref="N73:N74"/>
    <mergeCell ref="O73:P74"/>
    <mergeCell ref="Q73:Q74"/>
    <mergeCell ref="R73:S74"/>
    <mergeCell ref="T73:T74"/>
    <mergeCell ref="U89:V90"/>
    <mergeCell ref="W89:Y90"/>
    <mergeCell ref="W81:Y82"/>
    <mergeCell ref="D83:E85"/>
    <mergeCell ref="A86:C93"/>
    <mergeCell ref="D86:E88"/>
    <mergeCell ref="F86:M86"/>
    <mergeCell ref="N86:T86"/>
    <mergeCell ref="U86:AA86"/>
    <mergeCell ref="F87:M88"/>
    <mergeCell ref="N87:T88"/>
    <mergeCell ref="U87:AA88"/>
    <mergeCell ref="D89:E90"/>
    <mergeCell ref="F89:H90"/>
    <mergeCell ref="I89:J90"/>
    <mergeCell ref="K89:M90"/>
    <mergeCell ref="N89:N90"/>
    <mergeCell ref="O89:P90"/>
    <mergeCell ref="O81:P82"/>
    <mergeCell ref="Q81:Q82"/>
    <mergeCell ref="R81:S82"/>
    <mergeCell ref="T81:T82"/>
    <mergeCell ref="U81:V82"/>
    <mergeCell ref="D91:E93"/>
    <mergeCell ref="A94:C101"/>
    <mergeCell ref="D94:E96"/>
    <mergeCell ref="F94:M94"/>
    <mergeCell ref="N94:T94"/>
    <mergeCell ref="D99:E101"/>
    <mergeCell ref="Q89:Q90"/>
    <mergeCell ref="R89:S90"/>
    <mergeCell ref="T89:T90"/>
    <mergeCell ref="U94:AA94"/>
    <mergeCell ref="F95:M96"/>
    <mergeCell ref="N95:T96"/>
    <mergeCell ref="U95:AA96"/>
    <mergeCell ref="D97:E98"/>
    <mergeCell ref="F97:H98"/>
    <mergeCell ref="I97:J98"/>
    <mergeCell ref="K97:M98"/>
    <mergeCell ref="N97:N98"/>
    <mergeCell ref="O97:P98"/>
    <mergeCell ref="Q97:Q98"/>
    <mergeCell ref="R97:S98"/>
    <mergeCell ref="T97:T98"/>
    <mergeCell ref="U97:V98"/>
    <mergeCell ref="W97:Y98"/>
  </mergeCells>
  <phoneticPr fontId="2"/>
  <pageMargins left="0.82677165354330717" right="0.23622047244094491" top="0.39370078740157483" bottom="0.23622047244094491" header="0.27559055118110237" footer="0.19685039370078741"/>
  <pageSetup paperSize="9" scale="97" orientation="portrait" r:id="rId1"/>
  <headerFooter alignWithMargins="0"/>
  <rowBreaks count="1" manualBreakCount="1">
    <brk id="51" max="26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</vt:lpstr>
      <vt:lpstr>様式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isanzei-10</dc:creator>
  <cp:lastModifiedBy>富山市</cp:lastModifiedBy>
  <cp:lastPrinted>2021-04-09T02:18:33Z</cp:lastPrinted>
  <dcterms:created xsi:type="dcterms:W3CDTF">2004-03-10T00:13:53Z</dcterms:created>
  <dcterms:modified xsi:type="dcterms:W3CDTF">2021-04-09T02:30:4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1174541580</vt:i4>
  </property>
  <property fmtid="{D5CDD505-2E9C-101B-9397-08002B2CF9AE}" pid="3" name="_EmailSubject">
    <vt:lpwstr/>
  </property>
  <property fmtid="{D5CDD505-2E9C-101B-9397-08002B2CF9AE}" pid="4" name="_AuthorEmail">
    <vt:lpwstr>marumoto.akira@city.toyama.lg.jp</vt:lpwstr>
  </property>
  <property fmtid="{D5CDD505-2E9C-101B-9397-08002B2CF9AE}" pid="5" name="_AuthorEmailDisplayName">
    <vt:lpwstr>資産税課　丸本昌</vt:lpwstr>
  </property>
  <property fmtid="{D5CDD505-2E9C-101B-9397-08002B2CF9AE}" pid="6" name="_PreviousAdHocReviewCycleID">
    <vt:i4>-475338485</vt:i4>
  </property>
  <property fmtid="{D5CDD505-2E9C-101B-9397-08002B2CF9AE}" pid="7" name="_ReviewingToolsShownOnce">
    <vt:lpwstr/>
  </property>
</Properties>
</file>